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2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tafffiles.win.canberra.edu.au\Homes$\s445829\My Documents\Self Assement Report Attachments\"/>
    </mc:Choice>
  </mc:AlternateContent>
  <xr:revisionPtr revIDLastSave="0" documentId="8_{FFAA25B0-14C1-4F48-AFD4-687F9A395CB2}" xr6:coauthVersionLast="47" xr6:coauthVersionMax="47" xr10:uidLastSave="{00000000-0000-0000-0000-000000000000}"/>
  <bookViews>
    <workbookView xWindow="-120" yWindow="-120" windowWidth="29040" windowHeight="15990" xr2:uid="{7B58D573-C42C-4D17-8841-67CED93A2481}"/>
  </bookViews>
  <sheets>
    <sheet name="FB Annual workplan" sheetId="1" r:id="rId1"/>
    <sheet name="Crse Accreditation Report (FAD)" sheetId="2" r:id="rId2"/>
  </sheets>
  <definedNames>
    <definedName name="_xlnm._FilterDatabase" localSheetId="1" hidden="1">'Crse Accreditation Report (FAD)'!$A$1:$N$87</definedName>
    <definedName name="_xlnm.Print_Area" localSheetId="0">'FB Annual workplan'!$A$1:$AM$23</definedName>
  </definedNames>
  <calcPr calcId="191028" calcMode="manual" calcOnSave="0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011" uniqueCount="331">
  <si>
    <t>Status</t>
  </si>
  <si>
    <t xml:space="preserve">Responsibilities </t>
  </si>
  <si>
    <t>Responsibility</t>
  </si>
  <si>
    <t>Policy Alignment</t>
  </si>
  <si>
    <t>CC2023/1 
11-Jan-23</t>
  </si>
  <si>
    <t>AB 2022/1 
25 Jan 2023</t>
  </si>
  <si>
    <t>FB 2023/1    7 Feb-23</t>
  </si>
  <si>
    <t>URC 2023/1 21 Feb-23</t>
  </si>
  <si>
    <t>AQSC2022/1 23-Feb-23</t>
  </si>
  <si>
    <t>CC2023/2 1-Mar-23</t>
  </si>
  <si>
    <t>AB 2022/2 
22 Mar 2023</t>
  </si>
  <si>
    <t>FB 2023/2   28 Mar-23</t>
  </si>
  <si>
    <t>URC 2023/2 18-Apr- 23</t>
  </si>
  <si>
    <t>AQSC2022/2 20-Apr-23</t>
  </si>
  <si>
    <t>CC2023/3 26-Apr-23</t>
  </si>
  <si>
    <t>AB 2022/3 
17 May 2023</t>
  </si>
  <si>
    <t>FB 2023/3   30 May-23</t>
  </si>
  <si>
    <t>URC 2023/3 20-Jun-23</t>
  </si>
  <si>
    <t>AQSC2022/3 22-Jun-23</t>
  </si>
  <si>
    <t>CC2023/4 
28-Jun-23</t>
  </si>
  <si>
    <t>CC SP 2023/1 5-Jul-23</t>
  </si>
  <si>
    <t>AB 2022/4 
19 Jul 2023</t>
  </si>
  <si>
    <t>FB 2023/4   25 Jul-2023</t>
  </si>
  <si>
    <t>URC 2023/4 8-AUG-23</t>
  </si>
  <si>
    <t>AQSC2022/4 
10-Aug-23</t>
  </si>
  <si>
    <t>CC2023/5 16-Aug-23</t>
  </si>
  <si>
    <t>CC SP 2023/2 
23-Aug-23</t>
  </si>
  <si>
    <t>AB 2022/5 
6 Sep 2023</t>
  </si>
  <si>
    <t>FB 2023/5   12 Sept-23</t>
  </si>
  <si>
    <t>URC 2023/5 26-Sep-23</t>
  </si>
  <si>
    <t>AQC2022/5 28-Sep-23</t>
  </si>
  <si>
    <t>CC 2023/6 4-Oct-23</t>
  </si>
  <si>
    <t>AB 2022/6 
26 Oct 2023</t>
  </si>
  <si>
    <t>FB 2023/6   24 Oct-23</t>
  </si>
  <si>
    <t>URC 2023/6 7-Nov-23</t>
  </si>
  <si>
    <t>AQSC2022/6 9-Nov-23</t>
  </si>
  <si>
    <t>CC 2023/7 15-Nov-23</t>
  </si>
  <si>
    <t>AB 2022/7 
6 Dec 2023</t>
  </si>
  <si>
    <t>Comments</t>
  </si>
  <si>
    <t>Faculty Board Annual Report and self-assessment</t>
  </si>
  <si>
    <t>Faculty Board Chair</t>
  </si>
  <si>
    <t>Faculty Board Charter</t>
  </si>
  <si>
    <t>X</t>
  </si>
  <si>
    <t xml:space="preserve"> Faculty Board minutes</t>
  </si>
  <si>
    <t>ISEQ Reports (inclusive of courses with non-standard teaching periods)</t>
  </si>
  <si>
    <t>FB</t>
  </si>
  <si>
    <t>HES 5.3</t>
  </si>
  <si>
    <t xml:space="preserve">X </t>
  </si>
  <si>
    <t xml:space="preserve">Faculty Assessment Board minutes - Sem 1 </t>
  </si>
  <si>
    <t xml:space="preserve">ADE  </t>
  </si>
  <si>
    <t>FAB Charter</t>
  </si>
  <si>
    <t>Faculty Assessment Board minutes - WiT</t>
  </si>
  <si>
    <t>Faculty Assessment Board minutes - Sem 2</t>
  </si>
  <si>
    <t>Faculty Response to ISEQ - Sem 1 2023</t>
  </si>
  <si>
    <t>x</t>
  </si>
  <si>
    <t>Faculty  Response to ISEQ - Sem WiT 2022</t>
  </si>
  <si>
    <t>Faculty Response to ISEQ - Sem 2 2022</t>
  </si>
  <si>
    <t>Faculty Response to QILT</t>
  </si>
  <si>
    <t>Report from Faculty on scholarly activities in PDP system.</t>
  </si>
  <si>
    <t xml:space="preserve">Response to Report on HDR Student Progress, attrition rates, completion times and rates </t>
  </si>
  <si>
    <t>ADR</t>
  </si>
  <si>
    <t>URC Charter 5.d. HESF4.2 and 5.3</t>
  </si>
  <si>
    <t>Response to HDR Student Satisfaction Survey</t>
  </si>
  <si>
    <t>HDR Supervision Procedure</t>
  </si>
  <si>
    <t>Research Program/Reaccreditation of Course/Course/Unit Set/Unit approval and revision</t>
  </si>
  <si>
    <t>Delegation AC.2.2 URC Charter 5.f.</t>
  </si>
  <si>
    <t>As required</t>
  </si>
  <si>
    <t>Faculty Research Activities Report</t>
  </si>
  <si>
    <t>Committee Charter</t>
  </si>
  <si>
    <t>Revisions to ARB102 Bachelor of Communication and Media (Journalism)</t>
  </si>
  <si>
    <t>DL</t>
  </si>
  <si>
    <t>Course and Unit Revision and Closure Policy and Procedure</t>
  </si>
  <si>
    <t>New Course Proposal Bachelor of Design</t>
  </si>
  <si>
    <t>HoS DBE</t>
  </si>
  <si>
    <t>New Course Proposal Bachelor of Arts</t>
  </si>
  <si>
    <t>New Course Proposal Bachelor of Communication and Media</t>
  </si>
  <si>
    <t>New Course Proposal Bachelor of Architecture/Bachelor of Interior Architectue</t>
  </si>
  <si>
    <t>New Course Proposal Bachelor of Heritage, Materials and Conservation and closure of ARB002 Bachelor of Arts (Culture and Heritage)</t>
  </si>
  <si>
    <t>New course proposal Bachelor of Performing Arts for delivery at TAFE Queensland and closure of ARB401 Bachelor of Creative Industires (Acting &amp; Performance) and ARB404 Bachelor of Creative Industries (Drama and Performance)</t>
  </si>
  <si>
    <t>Course Revision 913AA Master of Architecture</t>
  </si>
  <si>
    <t>New course location ABB001 Bachelor of the Built Environment (Architecture) at TAFE Queensland</t>
  </si>
  <si>
    <t>New course location ABB201 Bachelor of Landscape Architecture (Honours) at TAFE Queensland</t>
  </si>
  <si>
    <t>New course location ARB006 Bachelor of Film Production at TAFE Queensland</t>
  </si>
  <si>
    <t>IMCR2 199JA Diploma of Design</t>
  </si>
  <si>
    <t>IMCR2 ABC101 Graduate Certificate in Building and Construction Information Management</t>
  </si>
  <si>
    <t>IMCR2 ARC401 Graduate Certificate in Creative Industries</t>
  </si>
  <si>
    <t>IMCR2 ARC601 Graduate Certificate in Creative Leadership</t>
  </si>
  <si>
    <t>IMCR2 ARC801 Graduate Certificate in Design</t>
  </si>
  <si>
    <t>IMCR2 ARC701 Graduate Certificate in Digital Marketing</t>
  </si>
  <si>
    <t>IMCR2 ARG101 Graduate Diploma in Building and Construction Management</t>
  </si>
  <si>
    <t>IMCR2 ARG501 Graduate Diploma in Creative Industries</t>
  </si>
  <si>
    <t>IMCR2 303JA Master of Applied Arts and Humanities (Research)</t>
  </si>
  <si>
    <t>IMCR2 913JA Master of Architecture</t>
  </si>
  <si>
    <t>IMCR2 ABM101 Master of Building and Construction Information Management</t>
  </si>
  <si>
    <t>IMCR2 ARM301 Master of Creative Industries</t>
  </si>
  <si>
    <t>IMCR2 193JA Master of International Development</t>
  </si>
  <si>
    <t>IMCR2 311JA Bachelor of Communication in Advertising</t>
  </si>
  <si>
    <t>IMCR2 320JA Bachelor of Journalism</t>
  </si>
  <si>
    <t>IMCR2 984AA Bachelor of Writing</t>
  </si>
  <si>
    <t>IMCR2 985AA Bachelor of Media Arts and Production</t>
  </si>
  <si>
    <t>IMCR2 164JA Bachelor of Graphic Design</t>
  </si>
  <si>
    <t>IMCR2 206JA Bachelor of Design</t>
  </si>
  <si>
    <t>IMCR2 215JA Bachelor of Heritage, Museums and Conservation</t>
  </si>
  <si>
    <t>IMCR2 976AA Bachelor of Building and Construction Management</t>
  </si>
  <si>
    <t>IMCR2 357JA Bachelor of Building and Construction Management</t>
  </si>
  <si>
    <t>IMCR4 336JA Graduate Certificate in International Development</t>
  </si>
  <si>
    <t>IMCR4 337JA Graduate Cetificate in International Development</t>
  </si>
  <si>
    <t>Reaccreditation ARAR01 Bachelor of Arts/Bachelor of Communication and Media</t>
  </si>
  <si>
    <t>Reaccreditation ARMG02 Bachelor of Arts/ Bachelor of Event and Tourism Management</t>
  </si>
  <si>
    <t>Reaccreditation ARB001 Bachelor of Arts (Creative writing)</t>
  </si>
  <si>
    <t>Reaccreditation ARB002 Bachelor of Arts (Culture and Heritage)</t>
  </si>
  <si>
    <t>Reaccreditation ARB003 Bachelor of Arts (Digital Media)</t>
  </si>
  <si>
    <t>Reaccreditation ARB005 Bachelor of Arts (Global Studies)</t>
  </si>
  <si>
    <t>Reaccreditation ARMG01 Bachelor of Communication and Media/Bachelor of Event and Toursim Management</t>
  </si>
  <si>
    <t>Reaccreditation ARB101 Bachelor of Communication and Media (Corporate and Public Communication</t>
  </si>
  <si>
    <t xml:space="preserve">Reaccreditation ARB102 Bachelor of Communication and Media (Journalism) </t>
  </si>
  <si>
    <t>Reaccreditation ARB103 Bachelor of Communication and Media (Sports Media)</t>
  </si>
  <si>
    <t>Reaccreditation ARAR02 Bachelor of Design/Bachelor of Communication and Media</t>
  </si>
  <si>
    <t>Reaccreditation ARB201 Bachelor of Design (Industrial Design)</t>
  </si>
  <si>
    <t>Reaccreditation ARB202 Bachelor of Design (Interaction Design)</t>
  </si>
  <si>
    <t>Reaccreditation ARB203 Bachelor of Design (Visual Communication Design)</t>
  </si>
  <si>
    <t>Reaccreditation ARC102 Graduate Certificate in Heritage Materials Conservation</t>
  </si>
  <si>
    <t>Reaccreditation of 355JA Landscape Architecture (honours)</t>
  </si>
  <si>
    <t>Not intending to reaccredit</t>
  </si>
  <si>
    <t>Title</t>
  </si>
  <si>
    <t>Code</t>
  </si>
  <si>
    <t>Faculty</t>
  </si>
  <si>
    <t>Period of Accreditation</t>
  </si>
  <si>
    <t>period</t>
  </si>
  <si>
    <t>Internal Accreditation Current From</t>
  </si>
  <si>
    <t>Interim Monitoring Due - 2 years</t>
  </si>
  <si>
    <t>Interim Monitoring Due - 4 years</t>
  </si>
  <si>
    <t>Internal Accreditation Expiry Date</t>
  </si>
  <si>
    <t>Academic Governance Notes</t>
  </si>
  <si>
    <t>Report</t>
  </si>
  <si>
    <t>Curriculum Committee</t>
  </si>
  <si>
    <t>Academic Board</t>
  </si>
  <si>
    <t>Bachelor Of Arts And Design (Honours)</t>
  </si>
  <si>
    <t>298JA</t>
  </si>
  <si>
    <t>FCY-AAD</t>
  </si>
  <si>
    <t>Active Course</t>
  </si>
  <si>
    <t>7 years</t>
  </si>
  <si>
    <t>4-yr ICMR</t>
  </si>
  <si>
    <t>Wednesday, November 13, 2024</t>
  </si>
  <si>
    <t>Wednesday, December 4, 2024</t>
  </si>
  <si>
    <t>12/31/2027</t>
  </si>
  <si>
    <t>Bachelor Of Arts/Bachelor Of Communication And Media</t>
  </si>
  <si>
    <t>ARAR01</t>
  </si>
  <si>
    <t>5 years</t>
  </si>
  <si>
    <t>Full reaccreditation report</t>
  </si>
  <si>
    <t>Wednesday, November 15, 2023</t>
  </si>
  <si>
    <t>Wednesday, December 6, 2023</t>
  </si>
  <si>
    <t>Bachelor Of Arts/ Bachelor Of Event And Tourism Management</t>
  </si>
  <si>
    <t>ARMG02</t>
  </si>
  <si>
    <t>Bachelor Of Arts (Creative Writing)</t>
  </si>
  <si>
    <t>ARB001</t>
  </si>
  <si>
    <t>Bachelor Of Arts (Culture And Heritage)</t>
  </si>
  <si>
    <t>ARB002</t>
  </si>
  <si>
    <t>Bachelor Of Arts (Digital Media)</t>
  </si>
  <si>
    <t>ARB003</t>
  </si>
  <si>
    <t>Bachelor Of Arts (Global Studies)</t>
  </si>
  <si>
    <t>ARB005</t>
  </si>
  <si>
    <t>Bachelor Of Building And Construction Management (Honours)</t>
  </si>
  <si>
    <t>ABB101</t>
  </si>
  <si>
    <t>Bachelor Of Communication And Media/ Bachelor Of Event And Tourism Management</t>
  </si>
  <si>
    <t>ARMG01</t>
  </si>
  <si>
    <t>Bachelor Of Communication And Media (Corporate And Public Communication)</t>
  </si>
  <si>
    <t>ARB101</t>
  </si>
  <si>
    <t>Bachelor Of Communication And Media (Journalism)</t>
  </si>
  <si>
    <t>ARB102</t>
  </si>
  <si>
    <t>Wednesday, June 28, 2023</t>
  </si>
  <si>
    <t>Bachelor Of Communication And Media (Marketing Communication)</t>
  </si>
  <si>
    <t>ARB103</t>
  </si>
  <si>
    <t>Updated by FAD (AH) - reaccrredited AB 16 Nov 2022</t>
  </si>
  <si>
    <t>Bachelor Of Communication And Media (Sports Media)</t>
  </si>
  <si>
    <t>ARB104</t>
  </si>
  <si>
    <t>Bachelor Of Creative Industries (Acting And Performance)</t>
  </si>
  <si>
    <t>ARB401</t>
  </si>
  <si>
    <t>6 years</t>
  </si>
  <si>
    <t>Wednesday, August 7, 2024</t>
  </si>
  <si>
    <t>Bachelor Of Creative Industries (Applied Fashion)</t>
  </si>
  <si>
    <t>ARB402</t>
  </si>
  <si>
    <t>Bachelor Of Creative Industries (Contemporary Music Practice)</t>
  </si>
  <si>
    <t>ARB403</t>
  </si>
  <si>
    <t>Bachelor Of Creative Industries (Drama And Performance)</t>
  </si>
  <si>
    <t>ARB404</t>
  </si>
  <si>
    <t>Bachelor Of Creative Industries (Visual Arts)</t>
  </si>
  <si>
    <t>ARB405</t>
  </si>
  <si>
    <t>Bachelor Of Design/Bachelor Of Communication And Media</t>
  </si>
  <si>
    <t>ARAR02</t>
  </si>
  <si>
    <t>Bachelor Of Design (Industrial Design)</t>
  </si>
  <si>
    <t>ARB201</t>
  </si>
  <si>
    <t>Wednesday, October 2, 2024</t>
  </si>
  <si>
    <t>Bachelor Of Design (Interaction Design)</t>
  </si>
  <si>
    <t>ARB202</t>
  </si>
  <si>
    <t>Bachelor Of Design (Visual Communication Design)</t>
  </si>
  <si>
    <t>ARB203</t>
  </si>
  <si>
    <t>Bachelor Of Digital Design (Digital Media)</t>
  </si>
  <si>
    <t>ARB301</t>
  </si>
  <si>
    <t>2-yr IMCR in 2022 was correct, resending to CC early 2023</t>
  </si>
  <si>
    <t>2-yr ICMR</t>
  </si>
  <si>
    <t>Wednesday, January 11, 2023</t>
  </si>
  <si>
    <t>Bachelor Of Digital Design (Game Design)</t>
  </si>
  <si>
    <t>ARB302</t>
  </si>
  <si>
    <t>Bachelor Of Digital Design (Visual Communication Design)</t>
  </si>
  <si>
    <t>ARB303</t>
  </si>
  <si>
    <t>Bachelor Of The Built Environment (Architecture)</t>
  </si>
  <si>
    <t>ABB001</t>
  </si>
  <si>
    <t>Updated by FAD (AH) - reaccrredited AB 27 Jul 2022</t>
  </si>
  <si>
    <t>Bachelor Of The Built Environment (Interior Architecture)</t>
  </si>
  <si>
    <t>ABB002</t>
  </si>
  <si>
    <t>Diploma Of Communication</t>
  </si>
  <si>
    <t>951AA</t>
  </si>
  <si>
    <t>Wednesday, February 28, 2024</t>
  </si>
  <si>
    <t>Diploma Of Design</t>
  </si>
  <si>
    <t>199JA</t>
  </si>
  <si>
    <t>Graduate Certificate In Building And Construction Information Management</t>
  </si>
  <si>
    <t>ABC101</t>
  </si>
  <si>
    <t>Wednesday, May 17, 2023</t>
  </si>
  <si>
    <t>Graduate Certificate In Communication</t>
  </si>
  <si>
    <t>ARC201</t>
  </si>
  <si>
    <t>Graduate Certificate In Creative Industries</t>
  </si>
  <si>
    <t>ARC401</t>
  </si>
  <si>
    <t>Graduate Certificate In Creative Leadership</t>
  </si>
  <si>
    <t>ARC601</t>
  </si>
  <si>
    <t>Graduate Certificate In Design</t>
  </si>
  <si>
    <t>ARC801</t>
  </si>
  <si>
    <t>Graduate Certificate In Digital Marketing</t>
  </si>
  <si>
    <t>ARC701</t>
  </si>
  <si>
    <t>Graduate Certificate In Heritage Materials Conservation</t>
  </si>
  <si>
    <t>ARC102</t>
  </si>
  <si>
    <t>Graduate Certificate In International Development</t>
  </si>
  <si>
    <t>336JA</t>
  </si>
  <si>
    <t>Wednesday, April 26, 2023</t>
  </si>
  <si>
    <t>Wednesday, 17 May 2023</t>
  </si>
  <si>
    <t>Graduate Diploma In Building And Construction Information Management</t>
  </si>
  <si>
    <t>ABG101</t>
  </si>
  <si>
    <t>Graduate Diploma In Communication</t>
  </si>
  <si>
    <t>ARG201</t>
  </si>
  <si>
    <t>Graduate Diploma In Creative Industries</t>
  </si>
  <si>
    <t>ARG501</t>
  </si>
  <si>
    <t>Graduate Diploma In International Development</t>
  </si>
  <si>
    <t>337JA</t>
  </si>
  <si>
    <t>Wednesday, 26 April 2023</t>
  </si>
  <si>
    <t>Master Of Applied Arts &amp; Humanities (Research)</t>
  </si>
  <si>
    <t>303JA</t>
  </si>
  <si>
    <t>Master Of Architecture</t>
  </si>
  <si>
    <t>913AA</t>
  </si>
  <si>
    <t>Master Of Building And Construction Information Management</t>
  </si>
  <si>
    <t>ABM101</t>
  </si>
  <si>
    <t>Master Of Communication</t>
  </si>
  <si>
    <t>ARM201</t>
  </si>
  <si>
    <t>Master Of Creative Industries</t>
  </si>
  <si>
    <t>ARM301</t>
  </si>
  <si>
    <t>Master Of International Development</t>
  </si>
  <si>
    <t>193JA</t>
  </si>
  <si>
    <t>31/06/2023</t>
  </si>
  <si>
    <t>Bachelor Of Communication In Advertising</t>
  </si>
  <si>
    <t>211JA</t>
  </si>
  <si>
    <t>Teach Out</t>
  </si>
  <si>
    <t>Wednesday, March 1, 2023</t>
  </si>
  <si>
    <t>Wednesday, March 22, 2023</t>
  </si>
  <si>
    <t>Bachelor Of Film Production</t>
  </si>
  <si>
    <t>301JA</t>
  </si>
  <si>
    <t>Bachelor Of Journalism</t>
  </si>
  <si>
    <t>320JA</t>
  </si>
  <si>
    <t>Bachelor Of Writing</t>
  </si>
  <si>
    <t>984AA</t>
  </si>
  <si>
    <t>Bachelor Of Media Arts And Production</t>
  </si>
  <si>
    <t>985AA</t>
  </si>
  <si>
    <t>Wednesday, July 19, 2023</t>
  </si>
  <si>
    <t>Bachelor Of Arts/Bachelor Of Commerce</t>
  </si>
  <si>
    <t>798AA</t>
  </si>
  <si>
    <t>Wednesday, April 17, 2024</t>
  </si>
  <si>
    <t>Wednesday, May 8, 2024</t>
  </si>
  <si>
    <t>Bachelor Of Arts/Bachelor Of Information Technology</t>
  </si>
  <si>
    <t>799AA</t>
  </si>
  <si>
    <t>Bachelor Of Arts In International Studies</t>
  </si>
  <si>
    <t>793AA</t>
  </si>
  <si>
    <t>Bachelor Of Graphic Design</t>
  </si>
  <si>
    <t>164JA</t>
  </si>
  <si>
    <t>6.5 years</t>
  </si>
  <si>
    <t>Bachelor Of Design</t>
  </si>
  <si>
    <t>206JA</t>
  </si>
  <si>
    <t>Bachelor Of Web Design And Production</t>
  </si>
  <si>
    <t>267JA</t>
  </si>
  <si>
    <t>Wednesday, June 19, 2024</t>
  </si>
  <si>
    <t>Wednesday, July 17, 2024</t>
  </si>
  <si>
    <t>Bachelor Of Acting And Performance</t>
  </si>
  <si>
    <t>304JA</t>
  </si>
  <si>
    <t>Bachelor Of Applied Fashion</t>
  </si>
  <si>
    <t>305JA</t>
  </si>
  <si>
    <t>Bachelor Of Games And Interactive Design</t>
  </si>
  <si>
    <t>307JA</t>
  </si>
  <si>
    <t>Bachelor Of Visual Arts</t>
  </si>
  <si>
    <t>308JA</t>
  </si>
  <si>
    <t>Bachelor Of Heritage, Museums And Conservation</t>
  </si>
  <si>
    <t>215JA</t>
  </si>
  <si>
    <t>Wednesday, October 4, 2023</t>
  </si>
  <si>
    <t>Wednesday, October 25, 2023</t>
  </si>
  <si>
    <t>Bachelor Of Building And Construction Management</t>
  </si>
  <si>
    <t>976AA</t>
  </si>
  <si>
    <t>357JA</t>
  </si>
  <si>
    <t>Bachelor Of Communication In Public Relations</t>
  </si>
  <si>
    <t>214JA</t>
  </si>
  <si>
    <t>Wednesday, October 23, 2024</t>
  </si>
  <si>
    <t>Bachelor Of Communication In Public Relations/Bachelor Of Event And Tourism Management</t>
  </si>
  <si>
    <t>291JA</t>
  </si>
  <si>
    <t>Bachelor Of Arts/Bachelor Of Communication In Public Relations</t>
  </si>
  <si>
    <t>219JA</t>
  </si>
  <si>
    <t>31/06/2028</t>
  </si>
  <si>
    <t>Bachelor Of Graphic Design/Bachelor Of Communication In Advertising</t>
  </si>
  <si>
    <t>220JA</t>
  </si>
  <si>
    <t>Bachelor Of Industrial Design</t>
  </si>
  <si>
    <t>288JA</t>
  </si>
  <si>
    <t>Bachelor Of Interior Architecture</t>
  </si>
  <si>
    <t>289JA</t>
  </si>
  <si>
    <t>Doctor Of Philosophy In Communication</t>
  </si>
  <si>
    <t>246AA</t>
  </si>
  <si>
    <t>Bachelor Of Landscape Design</t>
  </si>
  <si>
    <t>290JA</t>
  </si>
  <si>
    <t>Graduate Certificate in Screen Development</t>
  </si>
  <si>
    <t>ARC402</t>
  </si>
  <si>
    <t>ARB006</t>
  </si>
  <si>
    <t>Bachelor of Landscape Architecture (Honours)</t>
  </si>
  <si>
    <t>ABB201</t>
  </si>
  <si>
    <t>355JA</t>
  </si>
  <si>
    <t>1.5 years</t>
  </si>
  <si>
    <t>N/A</t>
  </si>
  <si>
    <t>Faculty is not intending to reaccredit</t>
  </si>
  <si>
    <t>Reaccredita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Calibri"/>
      <family val="2"/>
      <scheme val="minor"/>
    </font>
    <font>
      <sz val="8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4"/>
      <color rgb="FF000000"/>
      <name val="Wingdings"/>
      <charset val="2"/>
    </font>
    <font>
      <sz val="10"/>
      <name val="Calibri"/>
      <family val="2"/>
      <scheme val="minor"/>
    </font>
    <font>
      <sz val="10"/>
      <color rgb="FFFF0000"/>
      <name val="Calibri"/>
      <family val="2"/>
      <scheme val="minor"/>
    </font>
    <font>
      <sz val="10"/>
      <color rgb="FF00000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  <font>
      <b/>
      <sz val="8"/>
      <color rgb="FF000000"/>
      <name val="Calibri"/>
      <family val="2"/>
      <scheme val="minor"/>
    </font>
    <font>
      <b/>
      <sz val="8"/>
      <color rgb="FFFFFFFF"/>
      <name val="Calibri"/>
      <family val="2"/>
      <scheme val="minor"/>
    </font>
    <font>
      <sz val="8"/>
      <color rgb="FF333333"/>
      <name val="Calibri"/>
      <family val="2"/>
      <scheme val="minor"/>
    </font>
    <font>
      <sz val="8"/>
      <color rgb="FF833C0C"/>
      <name val="Calibri"/>
      <family val="2"/>
      <scheme val="minor"/>
    </font>
    <font>
      <sz val="8"/>
      <color rgb="FF9C5700"/>
      <name val="Calibri"/>
      <family val="2"/>
      <scheme val="minor"/>
    </font>
    <font>
      <sz val="8"/>
      <color rgb="FF000000"/>
      <name val="Calibri"/>
      <family val="2"/>
      <scheme val="minor"/>
    </font>
  </fonts>
  <fills count="14">
    <fill>
      <patternFill patternType="none"/>
    </fill>
    <fill>
      <patternFill patternType="gray125"/>
    </fill>
    <fill>
      <patternFill patternType="solid">
        <fgColor rgb="FF00B050"/>
        <bgColor rgb="FF000000"/>
      </patternFill>
    </fill>
    <fill>
      <patternFill patternType="solid">
        <fgColor theme="0"/>
        <bgColor rgb="FF000000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rgb="FF000000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59999389629810485"/>
        <bgColor rgb="FF000000"/>
      </patternFill>
    </fill>
    <fill>
      <patternFill patternType="solid">
        <fgColor rgb="FFDDEBF7"/>
        <bgColor rgb="FF000000"/>
      </patternFill>
    </fill>
    <fill>
      <patternFill patternType="solid">
        <fgColor rgb="FF92D050"/>
        <bgColor rgb="FF000000"/>
      </patternFill>
    </fill>
    <fill>
      <patternFill patternType="solid">
        <fgColor rgb="FFFFD966"/>
        <bgColor rgb="FF000000"/>
      </patternFill>
    </fill>
    <fill>
      <patternFill patternType="solid">
        <fgColor rgb="FFF8CBAD"/>
        <bgColor rgb="FF000000"/>
      </patternFill>
    </fill>
    <fill>
      <patternFill patternType="solid">
        <fgColor rgb="FFFFEB9C"/>
        <bgColor rgb="FF000000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theme="2" tint="-0.749992370372631"/>
      </left>
      <right style="thin">
        <color indexed="64"/>
      </right>
      <top style="thin">
        <color theme="2" tint="-0.749992370372631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theme="2" tint="-0.749992370372631"/>
      </top>
      <bottom style="thin">
        <color indexed="64"/>
      </bottom>
      <diagonal/>
    </border>
    <border>
      <left style="thin">
        <color indexed="64"/>
      </left>
      <right style="thin">
        <color theme="2" tint="-0.749992370372631"/>
      </right>
      <top style="thin">
        <color theme="2" tint="-0.749992370372631"/>
      </top>
      <bottom style="thin">
        <color indexed="64"/>
      </bottom>
      <diagonal/>
    </border>
    <border>
      <left style="thin">
        <color theme="2" tint="-0.74999237037263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theme="2" tint="-0.749992370372631"/>
      </right>
      <top style="thin">
        <color indexed="64"/>
      </top>
      <bottom style="thin">
        <color indexed="64"/>
      </bottom>
      <diagonal/>
    </border>
    <border>
      <left style="thin">
        <color theme="2" tint="-0.749992370372631"/>
      </left>
      <right style="thin">
        <color indexed="64"/>
      </right>
      <top style="thin">
        <color indexed="64"/>
      </top>
      <bottom style="thin">
        <color theme="2" tint="-0.74999237037263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theme="2" tint="-0.749992370372631"/>
      </bottom>
      <diagonal/>
    </border>
    <border>
      <left style="thin">
        <color indexed="64"/>
      </left>
      <right style="thin">
        <color theme="2" tint="-0.749992370372631"/>
      </right>
      <top style="thin">
        <color indexed="64"/>
      </top>
      <bottom style="thin">
        <color theme="2" tint="-0.749992370372631"/>
      </bottom>
      <diagonal/>
    </border>
    <border>
      <left style="thin">
        <color indexed="64"/>
      </left>
      <right/>
      <top style="thin">
        <color theme="2" tint="-0.749992370372631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theme="2" tint="-0.749992370372631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indexed="64"/>
      </bottom>
      <diagonal/>
    </border>
  </borders>
  <cellStyleXfs count="1">
    <xf numFmtId="0" fontId="0" fillId="0" borderId="0"/>
  </cellStyleXfs>
  <cellXfs count="83">
    <xf numFmtId="0" fontId="0" fillId="0" borderId="0" xfId="0"/>
    <xf numFmtId="0" fontId="0" fillId="4" borderId="0" xfId="0" applyFill="1"/>
    <xf numFmtId="0" fontId="6" fillId="4" borderId="0" xfId="0" applyFont="1" applyFill="1" applyAlignment="1">
      <alignment horizontal="center" vertical="center" wrapText="1"/>
    </xf>
    <xf numFmtId="0" fontId="6" fillId="4" borderId="0" xfId="0" applyFont="1" applyFill="1" applyAlignment="1">
      <alignment horizontal="center" vertical="top" wrapText="1"/>
    </xf>
    <xf numFmtId="0" fontId="6" fillId="4" borderId="0" xfId="0" applyFont="1" applyFill="1" applyAlignment="1">
      <alignment wrapText="1"/>
    </xf>
    <xf numFmtId="0" fontId="8" fillId="4" borderId="0" xfId="0" applyFont="1" applyFill="1" applyAlignment="1">
      <alignment horizontal="center" vertical="center" wrapText="1"/>
    </xf>
    <xf numFmtId="0" fontId="6" fillId="3" borderId="1" xfId="0" applyFont="1" applyFill="1" applyBorder="1" applyAlignment="1">
      <alignment horizontal="center" vertical="center" wrapText="1"/>
    </xf>
    <xf numFmtId="0" fontId="6" fillId="4" borderId="1" xfId="0" applyFont="1" applyFill="1" applyBorder="1" applyAlignment="1">
      <alignment vertical="center" wrapText="1"/>
    </xf>
    <xf numFmtId="0" fontId="6" fillId="4" borderId="1" xfId="0" applyFont="1" applyFill="1" applyBorder="1" applyAlignment="1">
      <alignment horizontal="center" vertical="center" wrapText="1"/>
    </xf>
    <xf numFmtId="0" fontId="3" fillId="4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0" fontId="6" fillId="4" borderId="1" xfId="0" applyFont="1" applyFill="1" applyBorder="1" applyAlignment="1">
      <alignment horizontal="left" vertical="top" wrapText="1"/>
    </xf>
    <xf numFmtId="0" fontId="6" fillId="4" borderId="1" xfId="0" applyFont="1" applyFill="1" applyBorder="1" applyAlignment="1">
      <alignment horizontal="left" vertical="center" wrapText="1"/>
    </xf>
    <xf numFmtId="0" fontId="3" fillId="4" borderId="1" xfId="0" applyFont="1" applyFill="1" applyBorder="1" applyAlignment="1">
      <alignment horizontal="center" vertical="center" wrapText="1"/>
    </xf>
    <xf numFmtId="0" fontId="6" fillId="4" borderId="1" xfId="0" applyFont="1" applyFill="1" applyBorder="1" applyAlignment="1">
      <alignment wrapText="1"/>
    </xf>
    <xf numFmtId="0" fontId="5" fillId="4" borderId="1" xfId="0" applyFont="1" applyFill="1" applyBorder="1" applyAlignment="1">
      <alignment horizontal="center" vertical="center" wrapText="1"/>
    </xf>
    <xf numFmtId="0" fontId="8" fillId="4" borderId="1" xfId="0" applyFont="1" applyFill="1" applyBorder="1" applyAlignment="1">
      <alignment horizontal="center" vertical="center" wrapText="1"/>
    </xf>
    <xf numFmtId="0" fontId="6" fillId="4" borderId="7" xfId="0" applyFont="1" applyFill="1" applyBorder="1" applyAlignment="1">
      <alignment horizontal="center" vertical="center" wrapText="1"/>
    </xf>
    <xf numFmtId="0" fontId="8" fillId="4" borderId="7" xfId="0" applyFont="1" applyFill="1" applyBorder="1" applyAlignment="1">
      <alignment horizontal="center" vertical="center" wrapText="1"/>
    </xf>
    <xf numFmtId="0" fontId="6" fillId="4" borderId="9" xfId="0" applyFont="1" applyFill="1" applyBorder="1" applyAlignment="1">
      <alignment vertical="center" wrapText="1"/>
    </xf>
    <xf numFmtId="0" fontId="6" fillId="4" borderId="9" xfId="0" applyFont="1" applyFill="1" applyBorder="1" applyAlignment="1">
      <alignment horizontal="center" vertical="center" wrapText="1"/>
    </xf>
    <xf numFmtId="0" fontId="6" fillId="4" borderId="9" xfId="0" applyFont="1" applyFill="1" applyBorder="1" applyAlignment="1">
      <alignment wrapText="1"/>
    </xf>
    <xf numFmtId="0" fontId="6" fillId="4" borderId="2" xfId="0" applyFont="1" applyFill="1" applyBorder="1" applyAlignment="1">
      <alignment horizontal="center" vertical="center" wrapText="1"/>
    </xf>
    <xf numFmtId="0" fontId="3" fillId="4" borderId="2" xfId="0" applyFont="1" applyFill="1" applyBorder="1" applyAlignment="1">
      <alignment horizontal="center" vertical="center" wrapText="1"/>
    </xf>
    <xf numFmtId="0" fontId="8" fillId="4" borderId="2" xfId="0" applyFont="1" applyFill="1" applyBorder="1" applyAlignment="1">
      <alignment horizontal="center" vertical="center" wrapText="1"/>
    </xf>
    <xf numFmtId="0" fontId="6" fillId="4" borderId="2" xfId="0" applyFont="1" applyFill="1" applyBorder="1" applyAlignment="1">
      <alignment wrapText="1"/>
    </xf>
    <xf numFmtId="0" fontId="6" fillId="4" borderId="12" xfId="0" applyFont="1" applyFill="1" applyBorder="1" applyAlignment="1">
      <alignment vertical="center" wrapText="1"/>
    </xf>
    <xf numFmtId="0" fontId="6" fillId="4" borderId="6" xfId="0" applyFont="1" applyFill="1" applyBorder="1" applyAlignment="1">
      <alignment horizontal="center" vertical="center" wrapText="1"/>
    </xf>
    <xf numFmtId="0" fontId="3" fillId="4" borderId="6" xfId="0" applyFont="1" applyFill="1" applyBorder="1" applyAlignment="1">
      <alignment horizontal="center" vertical="center" wrapText="1"/>
    </xf>
    <xf numFmtId="0" fontId="8" fillId="4" borderId="6" xfId="0" applyFont="1" applyFill="1" applyBorder="1" applyAlignment="1">
      <alignment horizontal="center" vertical="center" wrapText="1"/>
    </xf>
    <xf numFmtId="0" fontId="6" fillId="4" borderId="6" xfId="0" applyFont="1" applyFill="1" applyBorder="1" applyAlignment="1">
      <alignment wrapText="1"/>
    </xf>
    <xf numFmtId="0" fontId="6" fillId="4" borderId="8" xfId="0" applyFont="1" applyFill="1" applyBorder="1" applyAlignment="1">
      <alignment horizontal="center" vertical="center" wrapText="1"/>
    </xf>
    <xf numFmtId="0" fontId="0" fillId="4" borderId="1" xfId="0" applyFill="1" applyBorder="1"/>
    <xf numFmtId="0" fontId="0" fillId="4" borderId="7" xfId="0" applyFill="1" applyBorder="1"/>
    <xf numFmtId="0" fontId="0" fillId="4" borderId="9" xfId="0" applyFill="1" applyBorder="1"/>
    <xf numFmtId="0" fontId="0" fillId="4" borderId="10" xfId="0" applyFill="1" applyBorder="1"/>
    <xf numFmtId="0" fontId="7" fillId="5" borderId="3" xfId="0" applyFont="1" applyFill="1" applyBorder="1" applyAlignment="1">
      <alignment horizontal="center" vertical="top" wrapText="1"/>
    </xf>
    <xf numFmtId="0" fontId="7" fillId="5" borderId="4" xfId="0" applyFont="1" applyFill="1" applyBorder="1" applyAlignment="1">
      <alignment horizontal="center" vertical="top" wrapText="1"/>
    </xf>
    <xf numFmtId="0" fontId="7" fillId="5" borderId="11" xfId="0" applyFont="1" applyFill="1" applyBorder="1" applyAlignment="1">
      <alignment horizontal="center" vertical="top" wrapText="1"/>
    </xf>
    <xf numFmtId="0" fontId="2" fillId="6" borderId="5" xfId="0" applyFont="1" applyFill="1" applyBorder="1" applyAlignment="1">
      <alignment horizontal="center" vertical="top" wrapText="1"/>
    </xf>
    <xf numFmtId="0" fontId="6" fillId="2" borderId="6" xfId="0" applyFont="1" applyFill="1" applyBorder="1" applyAlignment="1">
      <alignment horizontal="center" vertical="center" wrapText="1"/>
    </xf>
    <xf numFmtId="0" fontId="6" fillId="2" borderId="6" xfId="0" applyFont="1" applyFill="1" applyBorder="1" applyAlignment="1">
      <alignment wrapText="1"/>
    </xf>
    <xf numFmtId="0" fontId="6" fillId="2" borderId="8" xfId="0" applyFont="1" applyFill="1" applyBorder="1" applyAlignment="1">
      <alignment wrapText="1"/>
    </xf>
    <xf numFmtId="0" fontId="6" fillId="4" borderId="6" xfId="0" applyFont="1" applyFill="1" applyBorder="1" applyAlignment="1">
      <alignment vertical="center" wrapText="1"/>
    </xf>
    <xf numFmtId="0" fontId="7" fillId="5" borderId="4" xfId="0" applyFont="1" applyFill="1" applyBorder="1" applyAlignment="1">
      <alignment horizontal="left" vertical="top" wrapText="1"/>
    </xf>
    <xf numFmtId="0" fontId="4" fillId="4" borderId="1" xfId="0" applyFont="1" applyFill="1" applyBorder="1" applyAlignment="1">
      <alignment horizontal="left" vertical="center" wrapText="1"/>
    </xf>
    <xf numFmtId="0" fontId="6" fillId="4" borderId="9" xfId="0" applyFont="1" applyFill="1" applyBorder="1" applyAlignment="1">
      <alignment horizontal="left" vertical="center" wrapText="1"/>
    </xf>
    <xf numFmtId="0" fontId="0" fillId="4" borderId="0" xfId="0" applyFill="1" applyAlignment="1">
      <alignment horizontal="left"/>
    </xf>
    <xf numFmtId="0" fontId="6" fillId="7" borderId="1" xfId="0" applyFont="1" applyFill="1" applyBorder="1" applyAlignment="1">
      <alignment horizontal="center" vertical="center" wrapText="1"/>
    </xf>
    <xf numFmtId="0" fontId="0" fillId="7" borderId="1" xfId="0" applyFill="1" applyBorder="1"/>
    <xf numFmtId="0" fontId="0" fillId="7" borderId="9" xfId="0" applyFill="1" applyBorder="1"/>
    <xf numFmtId="0" fontId="0" fillId="7" borderId="0" xfId="0" applyFill="1"/>
    <xf numFmtId="0" fontId="5" fillId="7" borderId="1" xfId="0" applyFont="1" applyFill="1" applyBorder="1" applyAlignment="1">
      <alignment horizontal="center" vertical="center" wrapText="1"/>
    </xf>
    <xf numFmtId="0" fontId="8" fillId="7" borderId="1" xfId="0" applyFont="1" applyFill="1" applyBorder="1" applyAlignment="1">
      <alignment horizontal="center" vertical="center" wrapText="1"/>
    </xf>
    <xf numFmtId="0" fontId="6" fillId="7" borderId="1" xfId="0" applyFont="1" applyFill="1" applyBorder="1" applyAlignment="1">
      <alignment wrapText="1"/>
    </xf>
    <xf numFmtId="0" fontId="6" fillId="7" borderId="1" xfId="0" applyFont="1" applyFill="1" applyBorder="1" applyAlignment="1">
      <alignment vertical="center" wrapText="1"/>
    </xf>
    <xf numFmtId="0" fontId="6" fillId="7" borderId="9" xfId="0" applyFont="1" applyFill="1" applyBorder="1" applyAlignment="1">
      <alignment horizontal="center" vertical="center" wrapText="1"/>
    </xf>
    <xf numFmtId="0" fontId="6" fillId="7" borderId="6" xfId="0" applyFont="1" applyFill="1" applyBorder="1" applyAlignment="1">
      <alignment horizontal="center" vertical="center" wrapText="1"/>
    </xf>
    <xf numFmtId="0" fontId="3" fillId="7" borderId="6" xfId="0" applyFont="1" applyFill="1" applyBorder="1" applyAlignment="1">
      <alignment horizontal="center" vertical="center" wrapText="1"/>
    </xf>
    <xf numFmtId="0" fontId="8" fillId="7" borderId="6" xfId="0" applyFont="1" applyFill="1" applyBorder="1" applyAlignment="1">
      <alignment horizontal="center" vertical="center" wrapText="1"/>
    </xf>
    <xf numFmtId="0" fontId="6" fillId="7" borderId="6" xfId="0" applyFont="1" applyFill="1" applyBorder="1" applyAlignment="1">
      <alignment wrapText="1"/>
    </xf>
    <xf numFmtId="0" fontId="6" fillId="7" borderId="6" xfId="0" applyFont="1" applyFill="1" applyBorder="1" applyAlignment="1">
      <alignment vertical="center" wrapText="1"/>
    </xf>
    <xf numFmtId="0" fontId="6" fillId="7" borderId="8" xfId="0" applyFont="1" applyFill="1" applyBorder="1" applyAlignment="1">
      <alignment horizontal="center" vertical="center" wrapText="1"/>
    </xf>
    <xf numFmtId="0" fontId="7" fillId="8" borderId="4" xfId="0" applyFont="1" applyFill="1" applyBorder="1" applyAlignment="1">
      <alignment horizontal="center" vertical="top" wrapText="1"/>
    </xf>
    <xf numFmtId="0" fontId="7" fillId="8" borderId="3" xfId="0" applyFont="1" applyFill="1" applyBorder="1" applyAlignment="1">
      <alignment horizontal="center" vertical="top" wrapText="1"/>
    </xf>
    <xf numFmtId="0" fontId="9" fillId="9" borderId="13" xfId="0" applyFont="1" applyFill="1" applyBorder="1" applyAlignment="1">
      <alignment horizontal="left" vertical="top" wrapText="1"/>
    </xf>
    <xf numFmtId="0" fontId="10" fillId="10" borderId="13" xfId="0" applyFont="1" applyFill="1" applyBorder="1" applyAlignment="1">
      <alignment horizontal="center" vertical="top" wrapText="1"/>
    </xf>
    <xf numFmtId="0" fontId="10" fillId="10" borderId="13" xfId="0" applyFont="1" applyFill="1" applyBorder="1" applyAlignment="1">
      <alignment horizontal="left" vertical="top" wrapText="1"/>
    </xf>
    <xf numFmtId="0" fontId="9" fillId="9" borderId="14" xfId="0" applyFont="1" applyFill="1" applyBorder="1" applyAlignment="1">
      <alignment horizontal="left" vertical="top" wrapText="1"/>
    </xf>
    <xf numFmtId="0" fontId="10" fillId="10" borderId="1" xfId="0" applyFont="1" applyFill="1" applyBorder="1" applyAlignment="1">
      <alignment horizontal="left" vertical="top" wrapText="1"/>
    </xf>
    <xf numFmtId="0" fontId="9" fillId="11" borderId="0" xfId="0" applyFont="1" applyFill="1" applyAlignment="1">
      <alignment horizontal="left" vertical="top"/>
    </xf>
    <xf numFmtId="0" fontId="11" fillId="0" borderId="13" xfId="0" applyFont="1" applyBorder="1" applyAlignment="1">
      <alignment horizontal="left" vertical="top" wrapText="1"/>
    </xf>
    <xf numFmtId="0" fontId="11" fillId="0" borderId="13" xfId="0" applyFont="1" applyBorder="1" applyAlignment="1">
      <alignment horizontal="center" vertical="top" wrapText="1"/>
    </xf>
    <xf numFmtId="14" fontId="11" fillId="0" borderId="14" xfId="0" applyNumberFormat="1" applyFont="1" applyBorder="1" applyAlignment="1">
      <alignment horizontal="left" vertical="top" wrapText="1"/>
    </xf>
    <xf numFmtId="14" fontId="12" fillId="12" borderId="14" xfId="0" applyNumberFormat="1" applyFont="1" applyFill="1" applyBorder="1" applyAlignment="1">
      <alignment horizontal="left" vertical="top" wrapText="1"/>
    </xf>
    <xf numFmtId="0" fontId="11" fillId="0" borderId="1" xfId="0" applyFont="1" applyBorder="1" applyAlignment="1">
      <alignment horizontal="left"/>
    </xf>
    <xf numFmtId="0" fontId="11" fillId="0" borderId="0" xfId="0" applyFont="1" applyAlignment="1">
      <alignment horizontal="left" vertical="top"/>
    </xf>
    <xf numFmtId="14" fontId="13" fillId="13" borderId="14" xfId="0" applyNumberFormat="1" applyFont="1" applyFill="1" applyBorder="1" applyAlignment="1">
      <alignment horizontal="left" vertical="top" wrapText="1"/>
    </xf>
    <xf numFmtId="0" fontId="11" fillId="0" borderId="1" xfId="0" applyFont="1" applyBorder="1" applyAlignment="1">
      <alignment horizontal="left" vertical="top"/>
    </xf>
    <xf numFmtId="0" fontId="14" fillId="0" borderId="13" xfId="0" applyFont="1" applyBorder="1" applyAlignment="1">
      <alignment horizontal="center" vertical="top" wrapText="1"/>
    </xf>
    <xf numFmtId="0" fontId="11" fillId="0" borderId="14" xfId="0" applyFont="1" applyBorder="1" applyAlignment="1">
      <alignment horizontal="left" vertical="top" wrapText="1"/>
    </xf>
    <xf numFmtId="0" fontId="11" fillId="0" borderId="15" xfId="0" applyFont="1" applyBorder="1" applyAlignment="1">
      <alignment horizontal="center" vertical="top" wrapText="1"/>
    </xf>
    <xf numFmtId="14" fontId="11" fillId="0" borderId="15" xfId="0" applyNumberFormat="1" applyFont="1" applyBorder="1" applyAlignment="1">
      <alignment horizontal="left"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83C4F9-3CD4-45B5-9059-A4C28AE754CD}">
  <dimension ref="A1:AR67"/>
  <sheetViews>
    <sheetView tabSelected="1" zoomScale="64" workbookViewId="0">
      <pane ySplit="1" topLeftCell="A2" activePane="bottomLeft" state="frozen"/>
      <selection pane="bottomLeft"/>
    </sheetView>
  </sheetViews>
  <sheetFormatPr defaultColWidth="9.28515625" defaultRowHeight="15" x14ac:dyDescent="0.25"/>
  <cols>
    <col min="1" max="1" width="5.5703125" style="1" customWidth="1"/>
    <col min="2" max="2" width="34.7109375" style="1" bestFit="1" customWidth="1"/>
    <col min="3" max="3" width="17.140625" style="47" customWidth="1"/>
    <col min="4" max="4" width="16.7109375" style="47" customWidth="1"/>
    <col min="5" max="5" width="10.28515625" style="1" customWidth="1"/>
    <col min="6" max="6" width="10.5703125" style="1" customWidth="1"/>
    <col min="7" max="7" width="10.5703125" style="51" customWidth="1"/>
    <col min="8" max="11" width="10.5703125" style="1" customWidth="1"/>
    <col min="12" max="12" width="10.5703125" style="51" customWidth="1"/>
    <col min="13" max="16" width="10.5703125" style="1" customWidth="1"/>
    <col min="17" max="17" width="10.5703125" style="51" customWidth="1"/>
    <col min="18" max="22" width="10.5703125" style="1" customWidth="1"/>
    <col min="23" max="23" width="10.5703125" style="51" customWidth="1"/>
    <col min="24" max="28" width="10.5703125" style="1" customWidth="1"/>
    <col min="29" max="29" width="10.5703125" style="51" customWidth="1"/>
    <col min="30" max="33" width="10.5703125" style="1" customWidth="1"/>
    <col min="34" max="34" width="10.5703125" style="51" customWidth="1"/>
    <col min="35" max="38" width="10.5703125" style="1" customWidth="1"/>
    <col min="39" max="39" width="22.7109375" style="1" customWidth="1"/>
    <col min="40" max="16384" width="9.28515625" style="1"/>
  </cols>
  <sheetData>
    <row r="1" spans="1:44" ht="38.25" x14ac:dyDescent="0.25">
      <c r="A1" s="36" t="s">
        <v>0</v>
      </c>
      <c r="B1" s="37" t="s">
        <v>1</v>
      </c>
      <c r="C1" s="44" t="s">
        <v>2</v>
      </c>
      <c r="D1" s="44" t="s">
        <v>3</v>
      </c>
      <c r="E1" s="37" t="s">
        <v>4</v>
      </c>
      <c r="F1" s="37" t="s">
        <v>5</v>
      </c>
      <c r="G1" s="63" t="s">
        <v>6</v>
      </c>
      <c r="H1" s="37" t="s">
        <v>7</v>
      </c>
      <c r="I1" s="37" t="s">
        <v>8</v>
      </c>
      <c r="J1" s="37" t="s">
        <v>9</v>
      </c>
      <c r="K1" s="37" t="s">
        <v>10</v>
      </c>
      <c r="L1" s="63" t="s">
        <v>11</v>
      </c>
      <c r="M1" s="37" t="s">
        <v>12</v>
      </c>
      <c r="N1" s="37" t="s">
        <v>13</v>
      </c>
      <c r="O1" s="37" t="s">
        <v>14</v>
      </c>
      <c r="P1" s="38" t="s">
        <v>15</v>
      </c>
      <c r="Q1" s="64" t="s">
        <v>16</v>
      </c>
      <c r="R1" s="36" t="s">
        <v>17</v>
      </c>
      <c r="S1" s="37" t="s">
        <v>18</v>
      </c>
      <c r="T1" s="37" t="s">
        <v>19</v>
      </c>
      <c r="U1" s="37" t="s">
        <v>20</v>
      </c>
      <c r="V1" s="37" t="s">
        <v>21</v>
      </c>
      <c r="W1" s="64" t="s">
        <v>22</v>
      </c>
      <c r="X1" s="37" t="s">
        <v>23</v>
      </c>
      <c r="Y1" s="37" t="s">
        <v>24</v>
      </c>
      <c r="Z1" s="37" t="s">
        <v>25</v>
      </c>
      <c r="AA1" s="37" t="s">
        <v>26</v>
      </c>
      <c r="AB1" s="37" t="s">
        <v>27</v>
      </c>
      <c r="AC1" s="64" t="s">
        <v>28</v>
      </c>
      <c r="AD1" s="37" t="s">
        <v>29</v>
      </c>
      <c r="AE1" s="37" t="s">
        <v>30</v>
      </c>
      <c r="AF1" s="37" t="s">
        <v>31</v>
      </c>
      <c r="AG1" s="37" t="s">
        <v>32</v>
      </c>
      <c r="AH1" s="64" t="s">
        <v>33</v>
      </c>
      <c r="AI1" s="37" t="s">
        <v>34</v>
      </c>
      <c r="AJ1" s="37" t="s">
        <v>35</v>
      </c>
      <c r="AK1" s="37" t="s">
        <v>36</v>
      </c>
      <c r="AL1" s="37" t="s">
        <v>37</v>
      </c>
      <c r="AM1" s="39" t="s">
        <v>38</v>
      </c>
    </row>
    <row r="2" spans="1:44" ht="34.9" customHeight="1" x14ac:dyDescent="0.25">
      <c r="A2" s="40"/>
      <c r="B2" s="7" t="s">
        <v>39</v>
      </c>
      <c r="C2" s="12" t="s">
        <v>40</v>
      </c>
      <c r="D2" s="12" t="s">
        <v>41</v>
      </c>
      <c r="E2" s="8"/>
      <c r="G2" s="48"/>
      <c r="H2" s="8"/>
      <c r="I2" s="8"/>
      <c r="J2" s="8"/>
      <c r="K2" s="8" t="s">
        <v>42</v>
      </c>
      <c r="L2" s="48"/>
      <c r="M2" s="9"/>
      <c r="N2" s="9"/>
      <c r="O2" s="9"/>
      <c r="P2" s="22"/>
      <c r="Q2" s="57"/>
      <c r="R2" s="27"/>
      <c r="S2" s="8"/>
      <c r="T2" s="8"/>
      <c r="U2" s="8"/>
      <c r="V2" s="8"/>
      <c r="W2" s="57"/>
      <c r="X2" s="8"/>
      <c r="Y2" s="8"/>
      <c r="Z2" s="8"/>
      <c r="AA2" s="8"/>
      <c r="AB2" s="8"/>
      <c r="AC2" s="57"/>
      <c r="AD2" s="8"/>
      <c r="AE2" s="8"/>
      <c r="AF2" s="8"/>
      <c r="AG2" s="8"/>
      <c r="AH2" s="57"/>
      <c r="AI2" s="8"/>
      <c r="AJ2" s="8"/>
      <c r="AK2" s="8"/>
      <c r="AL2" s="8"/>
      <c r="AM2" s="17"/>
      <c r="AN2" s="2"/>
      <c r="AO2" s="2"/>
    </row>
    <row r="3" spans="1:44" ht="34.9" customHeight="1" x14ac:dyDescent="0.25">
      <c r="A3" s="40"/>
      <c r="B3" s="7" t="s">
        <v>43</v>
      </c>
      <c r="C3" s="12" t="s">
        <v>40</v>
      </c>
      <c r="D3" s="45" t="s">
        <v>41</v>
      </c>
      <c r="E3" s="10"/>
      <c r="F3" s="8" t="s">
        <v>42</v>
      </c>
      <c r="G3" s="48"/>
      <c r="H3" s="8"/>
      <c r="I3" s="8"/>
      <c r="J3" s="8"/>
      <c r="K3" s="8" t="s">
        <v>42</v>
      </c>
      <c r="L3" s="48"/>
      <c r="M3" s="8"/>
      <c r="N3" s="8"/>
      <c r="O3" s="8"/>
      <c r="P3" s="22" t="s">
        <v>42</v>
      </c>
      <c r="Q3" s="57"/>
      <c r="R3" s="27"/>
      <c r="S3" s="8"/>
      <c r="T3" s="8"/>
      <c r="U3" s="8"/>
      <c r="V3" s="8" t="s">
        <v>42</v>
      </c>
      <c r="W3" s="57"/>
      <c r="X3" s="8"/>
      <c r="Y3" s="8"/>
      <c r="Z3" s="8"/>
      <c r="AA3" s="8"/>
      <c r="AB3" s="8" t="s">
        <v>42</v>
      </c>
      <c r="AC3" s="57"/>
      <c r="AD3" s="8"/>
      <c r="AE3" s="8"/>
      <c r="AF3" s="8"/>
      <c r="AG3" s="8" t="s">
        <v>42</v>
      </c>
      <c r="AH3" s="57"/>
      <c r="AI3" s="8"/>
      <c r="AJ3" s="8"/>
      <c r="AK3" s="8"/>
      <c r="AL3" s="8" t="s">
        <v>42</v>
      </c>
      <c r="AM3" s="17"/>
      <c r="AN3" s="3"/>
      <c r="AO3" s="3"/>
    </row>
    <row r="4" spans="1:44" ht="34.9" customHeight="1" x14ac:dyDescent="0.25">
      <c r="A4" s="41"/>
      <c r="B4" s="11" t="s">
        <v>44</v>
      </c>
      <c r="C4" s="12" t="s">
        <v>45</v>
      </c>
      <c r="D4" s="12" t="s">
        <v>46</v>
      </c>
      <c r="E4" s="12"/>
      <c r="F4" s="32"/>
      <c r="G4" s="49"/>
      <c r="H4" s="32"/>
      <c r="I4" s="8" t="s">
        <v>47</v>
      </c>
      <c r="J4" s="8"/>
      <c r="K4" s="8"/>
      <c r="L4" s="48"/>
      <c r="M4" s="8"/>
      <c r="N4" s="13"/>
      <c r="O4" s="13"/>
      <c r="P4" s="23"/>
      <c r="Q4" s="58"/>
      <c r="R4" s="28"/>
      <c r="S4" s="13"/>
      <c r="T4" s="13"/>
      <c r="U4" s="13"/>
      <c r="V4" s="13"/>
      <c r="W4" s="58"/>
      <c r="X4" s="13"/>
      <c r="Y4" s="8" t="s">
        <v>47</v>
      </c>
      <c r="Z4" s="8"/>
      <c r="AA4" s="8"/>
      <c r="AB4" s="8"/>
      <c r="AC4" s="58"/>
      <c r="AD4" s="8"/>
      <c r="AE4" s="8"/>
      <c r="AF4" s="8"/>
      <c r="AG4" s="8"/>
      <c r="AH4" s="58"/>
      <c r="AI4" s="8"/>
      <c r="AJ4" s="8" t="s">
        <v>47</v>
      </c>
      <c r="AK4" s="8"/>
      <c r="AL4" s="8"/>
      <c r="AM4" s="17"/>
      <c r="AN4" s="2"/>
      <c r="AO4" s="2"/>
      <c r="AP4" s="4"/>
      <c r="AQ4" s="4"/>
      <c r="AR4" s="4"/>
    </row>
    <row r="5" spans="1:44" ht="34.9" customHeight="1" x14ac:dyDescent="0.25">
      <c r="A5" s="41"/>
      <c r="B5" s="11" t="s">
        <v>48</v>
      </c>
      <c r="C5" s="12" t="s">
        <v>49</v>
      </c>
      <c r="D5" s="12" t="s">
        <v>50</v>
      </c>
      <c r="E5" s="12"/>
      <c r="F5" s="32"/>
      <c r="G5" s="49"/>
      <c r="H5" s="32"/>
      <c r="I5" s="8"/>
      <c r="J5" s="8"/>
      <c r="K5" s="8"/>
      <c r="L5" s="48"/>
      <c r="M5" s="8"/>
      <c r="N5" s="8"/>
      <c r="O5" s="8"/>
      <c r="P5" s="22"/>
      <c r="Q5" s="57"/>
      <c r="R5" s="27"/>
      <c r="S5" s="8" t="s">
        <v>47</v>
      </c>
      <c r="T5" s="8"/>
      <c r="U5" s="8"/>
      <c r="V5" s="8"/>
      <c r="W5" s="57"/>
      <c r="X5" s="8"/>
      <c r="Y5" s="8"/>
      <c r="Z5" s="8"/>
      <c r="AA5" s="8"/>
      <c r="AB5" s="8"/>
      <c r="AC5" s="57"/>
      <c r="AD5" s="8"/>
      <c r="AE5" s="8"/>
      <c r="AF5" s="8"/>
      <c r="AG5" s="8"/>
      <c r="AH5" s="57"/>
      <c r="AI5" s="8"/>
      <c r="AJ5" s="8"/>
      <c r="AK5" s="8"/>
      <c r="AL5" s="8"/>
      <c r="AM5" s="17"/>
      <c r="AN5" s="2"/>
      <c r="AO5" s="2"/>
      <c r="AP5" s="4"/>
      <c r="AQ5" s="4"/>
      <c r="AR5" s="4"/>
    </row>
    <row r="6" spans="1:44" ht="34.9" customHeight="1" x14ac:dyDescent="0.25">
      <c r="A6" s="41"/>
      <c r="B6" s="11" t="s">
        <v>51</v>
      </c>
      <c r="C6" s="12" t="s">
        <v>49</v>
      </c>
      <c r="D6" s="12" t="s">
        <v>50</v>
      </c>
      <c r="E6" s="12"/>
      <c r="F6" s="32"/>
      <c r="G6" s="49"/>
      <c r="H6" s="32"/>
      <c r="I6" s="8" t="s">
        <v>47</v>
      </c>
      <c r="J6" s="15"/>
      <c r="K6" s="15"/>
      <c r="L6" s="52"/>
      <c r="M6" s="15"/>
      <c r="N6" s="8"/>
      <c r="O6" s="8"/>
      <c r="P6" s="22"/>
      <c r="Q6" s="57"/>
      <c r="R6" s="27"/>
      <c r="S6" s="8"/>
      <c r="T6" s="8"/>
      <c r="U6" s="8"/>
      <c r="V6" s="8"/>
      <c r="W6" s="57"/>
      <c r="X6" s="8"/>
      <c r="Y6" s="13"/>
      <c r="Z6" s="13"/>
      <c r="AA6" s="13"/>
      <c r="AB6" s="13"/>
      <c r="AC6" s="57"/>
      <c r="AD6" s="13"/>
      <c r="AE6" s="13"/>
      <c r="AF6" s="13"/>
      <c r="AG6" s="13"/>
      <c r="AH6" s="57"/>
      <c r="AI6" s="13"/>
      <c r="AJ6" s="8" t="s">
        <v>47</v>
      </c>
      <c r="AK6" s="8"/>
      <c r="AL6" s="8"/>
      <c r="AM6" s="17"/>
      <c r="AN6" s="2"/>
      <c r="AO6" s="2"/>
      <c r="AP6" s="4"/>
      <c r="AQ6" s="4"/>
      <c r="AR6" s="4"/>
    </row>
    <row r="7" spans="1:44" ht="34.9" customHeight="1" x14ac:dyDescent="0.25">
      <c r="A7" s="41"/>
      <c r="B7" s="11" t="s">
        <v>52</v>
      </c>
      <c r="C7" s="12" t="s">
        <v>49</v>
      </c>
      <c r="D7" s="12" t="s">
        <v>50</v>
      </c>
      <c r="E7" s="12"/>
      <c r="F7" s="32"/>
      <c r="G7" s="49"/>
      <c r="H7" s="32"/>
      <c r="I7" s="8" t="s">
        <v>47</v>
      </c>
      <c r="J7" s="8"/>
      <c r="K7" s="8"/>
      <c r="L7" s="48"/>
      <c r="M7" s="8"/>
      <c r="N7" s="8"/>
      <c r="O7" s="8"/>
      <c r="P7" s="22"/>
      <c r="Q7" s="57"/>
      <c r="R7" s="27"/>
      <c r="S7" s="8"/>
      <c r="T7" s="8"/>
      <c r="U7" s="8"/>
      <c r="V7" s="8"/>
      <c r="W7" s="57"/>
      <c r="X7" s="8"/>
      <c r="Y7" s="13"/>
      <c r="Z7" s="13"/>
      <c r="AA7" s="13"/>
      <c r="AB7" s="13"/>
      <c r="AC7" s="57"/>
      <c r="AD7" s="13"/>
      <c r="AE7" s="13"/>
      <c r="AF7" s="13"/>
      <c r="AG7" s="13"/>
      <c r="AH7" s="57"/>
      <c r="AI7" s="13"/>
      <c r="AJ7" s="8"/>
      <c r="AK7" s="8"/>
      <c r="AL7" s="8"/>
      <c r="AM7" s="17"/>
      <c r="AN7" s="2"/>
      <c r="AO7" s="2"/>
      <c r="AP7" s="4"/>
      <c r="AQ7" s="4"/>
      <c r="AR7" s="4"/>
    </row>
    <row r="8" spans="1:44" ht="34.9" customHeight="1" x14ac:dyDescent="0.25">
      <c r="A8" s="41"/>
      <c r="B8" s="11" t="s">
        <v>53</v>
      </c>
      <c r="C8" s="12" t="s">
        <v>49</v>
      </c>
      <c r="D8" s="12" t="s">
        <v>46</v>
      </c>
      <c r="E8" s="12"/>
      <c r="F8" s="32"/>
      <c r="G8" s="49"/>
      <c r="H8" s="32"/>
      <c r="I8" s="16"/>
      <c r="J8" s="16"/>
      <c r="K8" s="16"/>
      <c r="L8" s="53"/>
      <c r="M8" s="16"/>
      <c r="N8" s="16"/>
      <c r="O8" s="16"/>
      <c r="P8" s="24"/>
      <c r="Q8" s="59"/>
      <c r="R8" s="29"/>
      <c r="S8" s="16"/>
      <c r="T8" s="16"/>
      <c r="U8" s="16"/>
      <c r="V8" s="16"/>
      <c r="W8" s="59"/>
      <c r="X8" s="16"/>
      <c r="Y8" s="16"/>
      <c r="Z8" s="16"/>
      <c r="AA8" s="16"/>
      <c r="AB8" s="16"/>
      <c r="AC8" s="59"/>
      <c r="AD8" s="16"/>
      <c r="AE8" s="16"/>
      <c r="AF8" s="16"/>
      <c r="AG8" s="16"/>
      <c r="AH8" s="59"/>
      <c r="AI8" s="16"/>
      <c r="AJ8" s="16" t="s">
        <v>54</v>
      </c>
      <c r="AK8" s="16"/>
      <c r="AL8" s="16"/>
      <c r="AM8" s="18"/>
      <c r="AN8" s="2"/>
      <c r="AO8" s="2"/>
      <c r="AP8" s="4"/>
      <c r="AQ8" s="4"/>
      <c r="AR8" s="4"/>
    </row>
    <row r="9" spans="1:44" ht="34.9" customHeight="1" x14ac:dyDescent="0.25">
      <c r="A9" s="41"/>
      <c r="B9" s="11" t="s">
        <v>55</v>
      </c>
      <c r="C9" s="12" t="s">
        <v>49</v>
      </c>
      <c r="D9" s="12" t="s">
        <v>46</v>
      </c>
      <c r="E9" s="12"/>
      <c r="F9" s="32"/>
      <c r="G9" s="49"/>
      <c r="H9" s="32"/>
      <c r="I9" s="16" t="s">
        <v>54</v>
      </c>
      <c r="J9" s="16"/>
      <c r="K9" s="16"/>
      <c r="L9" s="53"/>
      <c r="M9" s="16"/>
      <c r="N9" s="16"/>
      <c r="O9" s="16"/>
      <c r="P9" s="24"/>
      <c r="Q9" s="59"/>
      <c r="R9" s="29"/>
      <c r="S9" s="16"/>
      <c r="T9" s="16"/>
      <c r="U9" s="16"/>
      <c r="V9" s="16"/>
      <c r="W9" s="59"/>
      <c r="X9" s="16"/>
      <c r="Y9" s="16"/>
      <c r="Z9" s="16"/>
      <c r="AA9" s="16"/>
      <c r="AB9" s="16"/>
      <c r="AC9" s="59"/>
      <c r="AD9" s="16"/>
      <c r="AE9" s="16"/>
      <c r="AF9" s="16"/>
      <c r="AG9" s="16"/>
      <c r="AH9" s="59"/>
      <c r="AI9" s="16"/>
      <c r="AJ9" s="16"/>
      <c r="AK9" s="16"/>
      <c r="AL9" s="16"/>
      <c r="AM9" s="18"/>
      <c r="AN9" s="2"/>
      <c r="AO9" s="2"/>
      <c r="AP9" s="4"/>
      <c r="AQ9" s="4"/>
      <c r="AR9" s="4"/>
    </row>
    <row r="10" spans="1:44" ht="34.9" customHeight="1" x14ac:dyDescent="0.25">
      <c r="A10" s="41"/>
      <c r="B10" s="11" t="s">
        <v>56</v>
      </c>
      <c r="C10" s="12" t="s">
        <v>49</v>
      </c>
      <c r="D10" s="12" t="s">
        <v>46</v>
      </c>
      <c r="E10" s="12"/>
      <c r="F10" s="32"/>
      <c r="G10" s="49"/>
      <c r="H10" s="32"/>
      <c r="I10" s="14"/>
      <c r="J10" s="14"/>
      <c r="K10" s="14"/>
      <c r="L10" s="54"/>
      <c r="M10" s="14"/>
      <c r="N10" s="13"/>
      <c r="O10" s="13"/>
      <c r="P10" s="23"/>
      <c r="Q10" s="58"/>
      <c r="R10" s="28"/>
      <c r="S10" s="16" t="s">
        <v>54</v>
      </c>
      <c r="T10" s="16"/>
      <c r="U10" s="16"/>
      <c r="V10" s="16"/>
      <c r="W10" s="58"/>
      <c r="X10" s="16"/>
      <c r="Y10" s="8"/>
      <c r="Z10" s="8"/>
      <c r="AA10" s="8"/>
      <c r="AB10" s="8"/>
      <c r="AC10" s="58"/>
      <c r="AD10" s="8"/>
      <c r="AE10" s="13"/>
      <c r="AF10" s="13"/>
      <c r="AG10" s="13"/>
      <c r="AH10" s="58"/>
      <c r="AI10" s="13"/>
      <c r="AJ10" s="16"/>
      <c r="AK10" s="16"/>
      <c r="AL10" s="16"/>
      <c r="AM10" s="18"/>
      <c r="AN10" s="5"/>
      <c r="AO10" s="5"/>
      <c r="AP10" s="4"/>
      <c r="AQ10" s="4"/>
      <c r="AR10" s="4"/>
    </row>
    <row r="11" spans="1:44" ht="34.9" customHeight="1" x14ac:dyDescent="0.25">
      <c r="A11" s="41"/>
      <c r="B11" s="11" t="s">
        <v>57</v>
      </c>
      <c r="C11" s="12" t="s">
        <v>49</v>
      </c>
      <c r="D11" s="12" t="s">
        <v>46</v>
      </c>
      <c r="E11" s="12"/>
      <c r="F11" s="32"/>
      <c r="G11" s="49"/>
      <c r="H11" s="32"/>
      <c r="I11" s="8" t="s">
        <v>54</v>
      </c>
      <c r="J11" s="8"/>
      <c r="K11" s="8"/>
      <c r="L11" s="48"/>
      <c r="M11" s="8"/>
      <c r="N11" s="8"/>
      <c r="O11" s="8"/>
      <c r="P11" s="22"/>
      <c r="Q11" s="57"/>
      <c r="R11" s="27"/>
      <c r="S11" s="8"/>
      <c r="T11" s="8"/>
      <c r="U11" s="8"/>
      <c r="V11" s="8"/>
      <c r="W11" s="57"/>
      <c r="X11" s="8"/>
      <c r="Y11" s="16" t="s">
        <v>54</v>
      </c>
      <c r="Z11" s="16"/>
      <c r="AA11" s="16"/>
      <c r="AB11" s="16"/>
      <c r="AC11" s="57"/>
      <c r="AD11" s="16"/>
      <c r="AE11" s="8"/>
      <c r="AF11" s="8"/>
      <c r="AG11" s="8"/>
      <c r="AH11" s="57"/>
      <c r="AI11" s="8"/>
      <c r="AJ11" s="16"/>
      <c r="AK11" s="16"/>
      <c r="AL11" s="16"/>
      <c r="AM11" s="18"/>
      <c r="AN11" s="2"/>
      <c r="AO11" s="2"/>
      <c r="AP11" s="4"/>
      <c r="AQ11" s="4"/>
      <c r="AR11" s="4"/>
    </row>
    <row r="12" spans="1:44" ht="34.9" customHeight="1" x14ac:dyDescent="0.25">
      <c r="A12" s="41"/>
      <c r="B12" s="11" t="s">
        <v>58</v>
      </c>
      <c r="C12" s="12" t="s">
        <v>49</v>
      </c>
      <c r="D12" s="12"/>
      <c r="E12" s="12"/>
      <c r="F12" s="32"/>
      <c r="G12" s="49"/>
      <c r="H12" s="32"/>
      <c r="I12" s="14"/>
      <c r="J12" s="14"/>
      <c r="K12" s="14"/>
      <c r="L12" s="54"/>
      <c r="M12" s="14"/>
      <c r="N12" s="14"/>
      <c r="O12" s="14"/>
      <c r="P12" s="25"/>
      <c r="Q12" s="60"/>
      <c r="R12" s="30"/>
      <c r="S12" s="14"/>
      <c r="T12" s="14"/>
      <c r="U12" s="14"/>
      <c r="V12" s="14"/>
      <c r="W12" s="60"/>
      <c r="X12" s="14"/>
      <c r="Y12" s="14"/>
      <c r="Z12" s="14"/>
      <c r="AA12" s="14"/>
      <c r="AB12" s="14"/>
      <c r="AC12" s="60"/>
      <c r="AD12" s="14"/>
      <c r="AE12" s="14"/>
      <c r="AF12" s="14"/>
      <c r="AG12" s="14"/>
      <c r="AH12" s="60"/>
      <c r="AI12" s="14"/>
      <c r="AJ12" s="16" t="s">
        <v>54</v>
      </c>
      <c r="AK12" s="16"/>
      <c r="AL12" s="16"/>
      <c r="AM12" s="18"/>
      <c r="AN12" s="2"/>
      <c r="AO12" s="2"/>
      <c r="AP12" s="4"/>
      <c r="AQ12" s="4"/>
      <c r="AR12" s="4"/>
    </row>
    <row r="13" spans="1:44" ht="40.700000000000003" customHeight="1" x14ac:dyDescent="0.25">
      <c r="A13" s="41"/>
      <c r="B13" s="7" t="s">
        <v>59</v>
      </c>
      <c r="C13" s="12" t="s">
        <v>60</v>
      </c>
      <c r="D13" s="12" t="s">
        <v>61</v>
      </c>
      <c r="E13" s="8"/>
      <c r="F13" s="32"/>
      <c r="G13" s="49"/>
      <c r="H13" s="7"/>
      <c r="I13" s="8"/>
      <c r="J13" s="8"/>
      <c r="K13" s="8"/>
      <c r="L13" s="48"/>
      <c r="M13" s="7"/>
      <c r="N13" s="32"/>
      <c r="O13" s="32"/>
      <c r="P13" s="22"/>
      <c r="Q13" s="57"/>
      <c r="R13" s="27" t="s">
        <v>42</v>
      </c>
      <c r="S13" s="14"/>
      <c r="T13" s="14"/>
      <c r="U13" s="14"/>
      <c r="V13" s="14"/>
      <c r="W13" s="57"/>
      <c r="X13" s="8"/>
      <c r="Y13" s="32"/>
      <c r="Z13" s="32"/>
      <c r="AA13" s="32"/>
      <c r="AB13" s="32"/>
      <c r="AC13" s="57"/>
      <c r="AD13" s="8"/>
      <c r="AE13" s="32"/>
      <c r="AF13" s="32"/>
      <c r="AG13" s="32"/>
      <c r="AH13" s="57"/>
      <c r="AI13" s="8" t="s">
        <v>42</v>
      </c>
      <c r="AJ13" s="32"/>
      <c r="AK13" s="32"/>
      <c r="AL13" s="32"/>
      <c r="AM13" s="33"/>
    </row>
    <row r="14" spans="1:44" ht="34.9" customHeight="1" x14ac:dyDescent="0.25">
      <c r="A14" s="41"/>
      <c r="B14" s="7" t="s">
        <v>62</v>
      </c>
      <c r="C14" s="12" t="s">
        <v>60</v>
      </c>
      <c r="D14" s="12" t="s">
        <v>63</v>
      </c>
      <c r="E14" s="8"/>
      <c r="F14" s="32"/>
      <c r="G14" s="49"/>
      <c r="H14" s="7"/>
      <c r="I14" s="8"/>
      <c r="J14" s="8"/>
      <c r="K14" s="8"/>
      <c r="L14" s="48"/>
      <c r="M14" s="7"/>
      <c r="N14" s="32"/>
      <c r="O14" s="32"/>
      <c r="P14" s="22"/>
      <c r="Q14" s="57"/>
      <c r="R14" s="27"/>
      <c r="S14" s="14"/>
      <c r="T14" s="14"/>
      <c r="U14" s="14"/>
      <c r="V14" s="14"/>
      <c r="W14" s="57"/>
      <c r="X14" s="8" t="s">
        <v>42</v>
      </c>
      <c r="Y14" s="32"/>
      <c r="Z14" s="32"/>
      <c r="AA14" s="32"/>
      <c r="AB14" s="32"/>
      <c r="AC14" s="57"/>
      <c r="AD14" s="6"/>
      <c r="AE14" s="32"/>
      <c r="AF14" s="32"/>
      <c r="AG14" s="32"/>
      <c r="AH14" s="57"/>
      <c r="AI14" s="6"/>
      <c r="AJ14" s="32"/>
      <c r="AK14" s="32"/>
      <c r="AL14" s="32"/>
      <c r="AM14" s="33"/>
    </row>
    <row r="15" spans="1:44" ht="40.700000000000003" customHeight="1" x14ac:dyDescent="0.25">
      <c r="A15" s="41"/>
      <c r="B15" s="7" t="s">
        <v>64</v>
      </c>
      <c r="C15" s="12" t="s">
        <v>45</v>
      </c>
      <c r="D15" s="12" t="s">
        <v>65</v>
      </c>
      <c r="E15" s="8"/>
      <c r="F15" s="32"/>
      <c r="G15" s="49"/>
      <c r="H15" s="7" t="s">
        <v>66</v>
      </c>
      <c r="I15" s="7"/>
      <c r="J15" s="7"/>
      <c r="K15" s="7"/>
      <c r="L15" s="55"/>
      <c r="M15" s="7" t="s">
        <v>66</v>
      </c>
      <c r="N15" s="32"/>
      <c r="O15" s="32"/>
      <c r="P15" s="22"/>
      <c r="Q15" s="61"/>
      <c r="R15" s="43" t="s">
        <v>66</v>
      </c>
      <c r="S15" s="14"/>
      <c r="T15" s="14"/>
      <c r="U15" s="14"/>
      <c r="V15" s="14"/>
      <c r="W15" s="61"/>
      <c r="X15" s="7" t="s">
        <v>66</v>
      </c>
      <c r="Y15" s="32"/>
      <c r="Z15" s="32"/>
      <c r="AA15" s="32"/>
      <c r="AB15" s="32"/>
      <c r="AC15" s="61"/>
      <c r="AD15" s="7" t="s">
        <v>66</v>
      </c>
      <c r="AE15" s="32"/>
      <c r="AF15" s="32"/>
      <c r="AG15" s="32"/>
      <c r="AH15" s="61"/>
      <c r="AI15" s="7" t="s">
        <v>66</v>
      </c>
      <c r="AJ15" s="32"/>
      <c r="AK15" s="32"/>
      <c r="AL15" s="32"/>
      <c r="AM15" s="33"/>
    </row>
    <row r="16" spans="1:44" ht="34.9" customHeight="1" x14ac:dyDescent="0.25">
      <c r="A16" s="42"/>
      <c r="B16" s="19" t="s">
        <v>67</v>
      </c>
      <c r="C16" s="12" t="s">
        <v>60</v>
      </c>
      <c r="D16" s="46" t="s">
        <v>68</v>
      </c>
      <c r="E16" s="20"/>
      <c r="F16" s="34"/>
      <c r="G16" s="50"/>
      <c r="H16" s="20" t="s">
        <v>42</v>
      </c>
      <c r="I16" s="20"/>
      <c r="J16" s="20"/>
      <c r="K16" s="20"/>
      <c r="L16" s="56"/>
      <c r="M16" s="20" t="s">
        <v>42</v>
      </c>
      <c r="N16" s="34"/>
      <c r="O16" s="34"/>
      <c r="P16" s="26"/>
      <c r="Q16" s="62"/>
      <c r="R16" s="31" t="s">
        <v>42</v>
      </c>
      <c r="S16" s="21"/>
      <c r="T16" s="21"/>
      <c r="U16" s="21"/>
      <c r="V16" s="21"/>
      <c r="W16" s="62"/>
      <c r="X16" s="20" t="s">
        <v>42</v>
      </c>
      <c r="Y16" s="34"/>
      <c r="Z16" s="34"/>
      <c r="AA16" s="34"/>
      <c r="AB16" s="34"/>
      <c r="AC16" s="62"/>
      <c r="AD16" s="20" t="s">
        <v>42</v>
      </c>
      <c r="AE16" s="34"/>
      <c r="AF16" s="34"/>
      <c r="AG16" s="34"/>
      <c r="AH16" s="62"/>
      <c r="AI16" s="20" t="s">
        <v>42</v>
      </c>
      <c r="AJ16" s="34"/>
      <c r="AK16" s="34"/>
      <c r="AL16" s="34"/>
      <c r="AM16" s="35"/>
    </row>
    <row r="17" spans="1:39" ht="51" x14ac:dyDescent="0.25">
      <c r="A17" s="42"/>
      <c r="B17" s="19" t="s">
        <v>69</v>
      </c>
      <c r="C17" s="12" t="s">
        <v>70</v>
      </c>
      <c r="D17" s="46" t="s">
        <v>71</v>
      </c>
      <c r="E17" s="20"/>
      <c r="F17" s="34"/>
      <c r="G17" s="50"/>
      <c r="H17" s="20"/>
      <c r="I17" s="20"/>
      <c r="J17" s="20"/>
      <c r="K17" s="20"/>
      <c r="L17" s="56" t="s">
        <v>42</v>
      </c>
      <c r="M17" s="20"/>
      <c r="N17" s="34"/>
      <c r="O17" s="31" t="s">
        <v>42</v>
      </c>
      <c r="P17" s="31" t="s">
        <v>42</v>
      </c>
      <c r="Q17" s="62"/>
      <c r="R17" s="31"/>
      <c r="S17" s="21"/>
      <c r="T17" s="21"/>
      <c r="U17" s="21"/>
      <c r="V17" s="21"/>
      <c r="W17" s="62"/>
      <c r="X17" s="20"/>
      <c r="Y17" s="34"/>
      <c r="Z17" s="34"/>
      <c r="AA17" s="34"/>
      <c r="AB17" s="34"/>
      <c r="AC17" s="62"/>
      <c r="AD17" s="20"/>
      <c r="AE17" s="34"/>
      <c r="AF17" s="34"/>
      <c r="AG17" s="34"/>
      <c r="AH17" s="62"/>
      <c r="AI17" s="20"/>
      <c r="AJ17" s="34"/>
      <c r="AK17" s="34"/>
      <c r="AL17" s="34"/>
      <c r="AM17" s="35"/>
    </row>
    <row r="18" spans="1:39" ht="34.9" customHeight="1" x14ac:dyDescent="0.25">
      <c r="A18" s="42"/>
      <c r="B18" s="19" t="s">
        <v>72</v>
      </c>
      <c r="C18" s="12" t="s">
        <v>73</v>
      </c>
      <c r="D18" s="46"/>
      <c r="E18" s="20"/>
      <c r="F18" s="34"/>
      <c r="G18" s="50"/>
      <c r="H18" s="20"/>
      <c r="I18" s="20"/>
      <c r="J18" s="20"/>
      <c r="K18" s="20"/>
      <c r="L18" s="56" t="s">
        <v>42</v>
      </c>
      <c r="M18" s="20"/>
      <c r="N18" s="34"/>
      <c r="O18" s="31" t="s">
        <v>42</v>
      </c>
      <c r="P18" s="31" t="s">
        <v>42</v>
      </c>
      <c r="Q18" s="62"/>
      <c r="R18" s="31"/>
      <c r="S18" s="21"/>
      <c r="T18" s="21"/>
      <c r="U18" s="21"/>
      <c r="V18" s="21"/>
      <c r="W18" s="62"/>
      <c r="X18" s="20"/>
      <c r="Y18" s="34"/>
      <c r="Z18" s="34"/>
      <c r="AA18" s="34"/>
      <c r="AB18" s="34"/>
      <c r="AC18" s="62"/>
      <c r="AD18" s="20"/>
      <c r="AE18" s="34"/>
      <c r="AF18" s="34"/>
      <c r="AG18" s="34"/>
      <c r="AH18" s="62"/>
      <c r="AI18" s="20"/>
      <c r="AJ18" s="34"/>
      <c r="AK18" s="34"/>
      <c r="AL18" s="34"/>
      <c r="AM18" s="35"/>
    </row>
    <row r="19" spans="1:39" ht="34.9" customHeight="1" x14ac:dyDescent="0.25">
      <c r="A19" s="42"/>
      <c r="B19" s="19" t="s">
        <v>74</v>
      </c>
      <c r="C19" s="12"/>
      <c r="D19" s="46"/>
      <c r="E19" s="20"/>
      <c r="F19" s="34"/>
      <c r="G19" s="50"/>
      <c r="H19" s="20"/>
      <c r="I19" s="20"/>
      <c r="J19" s="20"/>
      <c r="K19" s="20"/>
      <c r="L19" s="56"/>
      <c r="M19" s="20"/>
      <c r="N19" s="34"/>
      <c r="O19" s="34"/>
      <c r="P19" s="26"/>
      <c r="Q19" s="62"/>
      <c r="R19" s="31"/>
      <c r="S19" s="21"/>
      <c r="T19" s="21"/>
      <c r="U19" s="21"/>
      <c r="V19" s="21"/>
      <c r="W19" s="62"/>
      <c r="X19" s="20"/>
      <c r="Y19" s="34"/>
      <c r="Z19" s="34"/>
      <c r="AA19" s="34"/>
      <c r="AB19" s="34"/>
      <c r="AC19" s="62"/>
      <c r="AD19" s="20"/>
      <c r="AE19" s="34"/>
      <c r="AF19" s="34"/>
      <c r="AG19" s="34"/>
      <c r="AH19" s="62"/>
      <c r="AI19" s="20"/>
      <c r="AJ19" s="34"/>
      <c r="AK19" s="34"/>
      <c r="AL19" s="34"/>
      <c r="AM19" s="35"/>
    </row>
    <row r="20" spans="1:39" ht="34.9" customHeight="1" x14ac:dyDescent="0.25">
      <c r="A20" s="42"/>
      <c r="B20" s="19" t="s">
        <v>75</v>
      </c>
      <c r="C20" s="12"/>
      <c r="D20" s="46"/>
      <c r="E20" s="20"/>
      <c r="F20" s="34"/>
      <c r="G20" s="50"/>
      <c r="H20" s="20"/>
      <c r="I20" s="20"/>
      <c r="J20" s="20"/>
      <c r="K20" s="20"/>
      <c r="L20" s="56"/>
      <c r="M20" s="20"/>
      <c r="N20" s="34"/>
      <c r="O20" s="34"/>
      <c r="P20" s="26"/>
      <c r="Q20" s="62"/>
      <c r="R20" s="31"/>
      <c r="S20" s="21"/>
      <c r="T20" s="21"/>
      <c r="U20" s="21"/>
      <c r="V20" s="21"/>
      <c r="W20" s="62"/>
      <c r="X20" s="20"/>
      <c r="Y20" s="34"/>
      <c r="Z20" s="34"/>
      <c r="AA20" s="34"/>
      <c r="AB20" s="34"/>
      <c r="AC20" s="62"/>
      <c r="AD20" s="20"/>
      <c r="AE20" s="34"/>
      <c r="AF20" s="34"/>
      <c r="AG20" s="34"/>
      <c r="AH20" s="62"/>
      <c r="AI20" s="20"/>
      <c r="AJ20" s="34"/>
      <c r="AK20" s="34"/>
      <c r="AL20" s="34"/>
      <c r="AM20" s="35"/>
    </row>
    <row r="21" spans="1:39" ht="38.25" x14ac:dyDescent="0.25">
      <c r="A21" s="42"/>
      <c r="B21" s="19" t="s">
        <v>76</v>
      </c>
      <c r="C21" s="12"/>
      <c r="D21" s="46"/>
      <c r="E21" s="20"/>
      <c r="F21" s="34"/>
      <c r="G21" s="50"/>
      <c r="H21" s="20"/>
      <c r="I21" s="20"/>
      <c r="J21" s="20"/>
      <c r="K21" s="20"/>
      <c r="L21" s="56"/>
      <c r="M21" s="20"/>
      <c r="N21" s="34"/>
      <c r="O21" s="34"/>
      <c r="P21" s="26"/>
      <c r="Q21" s="62"/>
      <c r="R21" s="31"/>
      <c r="S21" s="21"/>
      <c r="T21" s="21"/>
      <c r="U21" s="21"/>
      <c r="V21" s="21"/>
      <c r="W21" s="62"/>
      <c r="X21" s="20"/>
      <c r="Y21" s="34"/>
      <c r="Z21" s="34"/>
      <c r="AA21" s="34"/>
      <c r="AB21" s="34"/>
      <c r="AC21" s="62"/>
      <c r="AD21" s="20"/>
      <c r="AE21" s="34"/>
      <c r="AF21" s="34"/>
      <c r="AG21" s="34"/>
      <c r="AH21" s="62"/>
      <c r="AI21" s="20"/>
      <c r="AJ21" s="34"/>
      <c r="AK21" s="34"/>
      <c r="AL21" s="34"/>
      <c r="AM21" s="35"/>
    </row>
    <row r="22" spans="1:39" ht="51" x14ac:dyDescent="0.25">
      <c r="A22" s="42"/>
      <c r="B22" s="19" t="s">
        <v>77</v>
      </c>
      <c r="C22" s="12"/>
      <c r="D22" s="46"/>
      <c r="E22" s="20"/>
      <c r="F22" s="34"/>
      <c r="G22" s="50"/>
      <c r="H22" s="20"/>
      <c r="I22" s="20"/>
      <c r="J22" s="20"/>
      <c r="K22" s="20"/>
      <c r="L22" s="56"/>
      <c r="M22" s="20"/>
      <c r="N22" s="34"/>
      <c r="O22" s="34"/>
      <c r="P22" s="26"/>
      <c r="Q22" s="62"/>
      <c r="R22" s="31"/>
      <c r="S22" s="21"/>
      <c r="T22" s="21"/>
      <c r="U22" s="21"/>
      <c r="V22" s="21"/>
      <c r="W22" s="62"/>
      <c r="X22" s="20"/>
      <c r="Y22" s="34"/>
      <c r="Z22" s="34"/>
      <c r="AA22" s="34"/>
      <c r="AB22" s="34"/>
      <c r="AC22" s="62"/>
      <c r="AD22" s="20"/>
      <c r="AE22" s="34"/>
      <c r="AF22" s="34"/>
      <c r="AG22" s="34"/>
      <c r="AH22" s="62"/>
      <c r="AI22" s="20"/>
      <c r="AJ22" s="34"/>
      <c r="AK22" s="34"/>
      <c r="AL22" s="34"/>
      <c r="AM22" s="35"/>
    </row>
    <row r="23" spans="1:39" ht="89.25" x14ac:dyDescent="0.25">
      <c r="A23" s="42"/>
      <c r="B23" s="19" t="s">
        <v>78</v>
      </c>
      <c r="C23" s="12"/>
      <c r="D23" s="46"/>
      <c r="E23" s="20"/>
      <c r="F23" s="34"/>
      <c r="G23" s="50"/>
      <c r="H23" s="20"/>
      <c r="I23" s="20"/>
      <c r="J23" s="20"/>
      <c r="K23" s="20"/>
      <c r="L23" s="56"/>
      <c r="M23" s="20"/>
      <c r="N23" s="34"/>
      <c r="O23" s="34"/>
      <c r="P23" s="26"/>
      <c r="Q23" s="62"/>
      <c r="R23" s="31"/>
      <c r="S23" s="21"/>
      <c r="T23" s="21"/>
      <c r="U23" s="21"/>
      <c r="V23" s="21"/>
      <c r="W23" s="62"/>
      <c r="X23" s="20"/>
      <c r="Y23" s="34"/>
      <c r="Z23" s="34"/>
      <c r="AA23" s="34"/>
      <c r="AB23" s="34"/>
      <c r="AC23" s="62"/>
      <c r="AD23" s="20"/>
      <c r="AE23" s="34"/>
      <c r="AF23" s="34"/>
      <c r="AG23" s="34"/>
      <c r="AH23" s="62"/>
      <c r="AI23" s="20"/>
      <c r="AJ23" s="34"/>
      <c r="AK23" s="34"/>
      <c r="AL23" s="34"/>
      <c r="AM23" s="35"/>
    </row>
    <row r="24" spans="1:39" ht="34.9" customHeight="1" x14ac:dyDescent="0.25">
      <c r="A24" s="42"/>
      <c r="B24" s="19" t="s">
        <v>79</v>
      </c>
      <c r="C24" s="12"/>
      <c r="D24" s="46"/>
      <c r="E24" s="20"/>
      <c r="F24" s="34"/>
      <c r="G24" s="50"/>
      <c r="H24" s="20"/>
      <c r="I24" s="20"/>
      <c r="J24" s="20"/>
      <c r="K24" s="20"/>
      <c r="L24" s="56"/>
      <c r="M24" s="20"/>
      <c r="N24" s="34"/>
      <c r="O24" s="34"/>
      <c r="P24" s="26"/>
      <c r="Q24" s="62"/>
      <c r="R24" s="31"/>
      <c r="S24" s="21"/>
      <c r="T24" s="21"/>
      <c r="U24" s="21"/>
      <c r="V24" s="21"/>
      <c r="W24" s="62"/>
      <c r="X24" s="20"/>
      <c r="Y24" s="34"/>
      <c r="Z24" s="34"/>
      <c r="AA24" s="34"/>
      <c r="AB24" s="34"/>
      <c r="AC24" s="62"/>
      <c r="AD24" s="20"/>
      <c r="AE24" s="34"/>
      <c r="AF24" s="34"/>
      <c r="AG24" s="34"/>
      <c r="AH24" s="62"/>
      <c r="AI24" s="20"/>
      <c r="AJ24" s="34"/>
      <c r="AK24" s="34"/>
      <c r="AL24" s="34"/>
      <c r="AM24" s="35"/>
    </row>
    <row r="25" spans="1:39" ht="38.25" x14ac:dyDescent="0.25">
      <c r="A25" s="42"/>
      <c r="B25" s="19" t="s">
        <v>80</v>
      </c>
      <c r="C25" s="12"/>
      <c r="D25" s="46"/>
      <c r="E25" s="20"/>
      <c r="F25" s="34"/>
      <c r="G25" s="50"/>
      <c r="H25" s="20"/>
      <c r="I25" s="20"/>
      <c r="J25" s="20"/>
      <c r="K25" s="20"/>
      <c r="L25" s="56"/>
      <c r="M25" s="20"/>
      <c r="N25" s="34"/>
      <c r="O25" s="34"/>
      <c r="P25" s="26"/>
      <c r="Q25" s="62"/>
      <c r="R25" s="31"/>
      <c r="S25" s="21"/>
      <c r="T25" s="21"/>
      <c r="U25" s="21"/>
      <c r="V25" s="21"/>
      <c r="W25" s="62"/>
      <c r="X25" s="20"/>
      <c r="Y25" s="34"/>
      <c r="Z25" s="34"/>
      <c r="AA25" s="34"/>
      <c r="AB25" s="34"/>
      <c r="AC25" s="62"/>
      <c r="AD25" s="20"/>
      <c r="AE25" s="34"/>
      <c r="AF25" s="34"/>
      <c r="AG25" s="34"/>
      <c r="AH25" s="62"/>
      <c r="AI25" s="20"/>
      <c r="AJ25" s="34"/>
      <c r="AK25" s="34"/>
      <c r="AL25" s="34"/>
      <c r="AM25" s="35"/>
    </row>
    <row r="26" spans="1:39" ht="38.25" x14ac:dyDescent="0.25">
      <c r="A26" s="42"/>
      <c r="B26" s="19" t="s">
        <v>81</v>
      </c>
      <c r="C26" s="12"/>
      <c r="D26" s="46"/>
      <c r="E26" s="20"/>
      <c r="F26" s="34"/>
      <c r="G26" s="50"/>
      <c r="H26" s="20"/>
      <c r="I26" s="20"/>
      <c r="J26" s="20"/>
      <c r="K26" s="20"/>
      <c r="L26" s="56"/>
      <c r="M26" s="20"/>
      <c r="N26" s="34"/>
      <c r="O26" s="34"/>
      <c r="P26" s="26"/>
      <c r="Q26" s="62"/>
      <c r="R26" s="31"/>
      <c r="S26" s="21"/>
      <c r="T26" s="21"/>
      <c r="U26" s="21"/>
      <c r="V26" s="21"/>
      <c r="W26" s="62"/>
      <c r="X26" s="20"/>
      <c r="Y26" s="34"/>
      <c r="Z26" s="34"/>
      <c r="AA26" s="34"/>
      <c r="AB26" s="34"/>
      <c r="AC26" s="62"/>
      <c r="AD26" s="20"/>
      <c r="AE26" s="34"/>
      <c r="AF26" s="34"/>
      <c r="AG26" s="34"/>
      <c r="AH26" s="62"/>
      <c r="AI26" s="20"/>
      <c r="AJ26" s="34"/>
      <c r="AK26" s="34"/>
      <c r="AL26" s="34"/>
      <c r="AM26" s="35"/>
    </row>
    <row r="27" spans="1:39" ht="34.9" customHeight="1" x14ac:dyDescent="0.25">
      <c r="A27" s="42"/>
      <c r="B27" s="19" t="s">
        <v>82</v>
      </c>
      <c r="C27" s="12"/>
      <c r="D27" s="46"/>
      <c r="E27" s="20"/>
      <c r="F27" s="34"/>
      <c r="G27" s="50"/>
      <c r="H27" s="20"/>
      <c r="I27" s="20"/>
      <c r="J27" s="20"/>
      <c r="K27" s="20"/>
      <c r="L27" s="56"/>
      <c r="M27" s="20"/>
      <c r="N27" s="34"/>
      <c r="O27" s="34"/>
      <c r="P27" s="26"/>
      <c r="Q27" s="62"/>
      <c r="R27" s="31"/>
      <c r="S27" s="21"/>
      <c r="T27" s="21"/>
      <c r="U27" s="21"/>
      <c r="V27" s="21"/>
      <c r="W27" s="62"/>
      <c r="X27" s="20"/>
      <c r="Y27" s="34"/>
      <c r="Z27" s="34"/>
      <c r="AA27" s="34"/>
      <c r="AB27" s="34"/>
      <c r="AC27" s="62"/>
      <c r="AD27" s="20"/>
      <c r="AE27" s="34"/>
      <c r="AF27" s="34"/>
      <c r="AG27" s="34"/>
      <c r="AH27" s="62"/>
      <c r="AI27" s="20"/>
      <c r="AJ27" s="34"/>
      <c r="AK27" s="34"/>
      <c r="AL27" s="34"/>
      <c r="AM27" s="35"/>
    </row>
    <row r="28" spans="1:39" ht="34.9" customHeight="1" x14ac:dyDescent="0.25">
      <c r="A28" s="42"/>
      <c r="B28" s="19" t="s">
        <v>83</v>
      </c>
      <c r="C28" s="12"/>
      <c r="D28" s="46"/>
      <c r="E28" s="20"/>
      <c r="F28" s="34"/>
      <c r="G28" s="50"/>
      <c r="H28" s="20"/>
      <c r="I28" s="20"/>
      <c r="J28" s="20"/>
      <c r="K28" s="20"/>
      <c r="L28" s="56"/>
      <c r="M28" s="20"/>
      <c r="N28" s="34"/>
      <c r="O28" s="34"/>
      <c r="P28" s="26"/>
      <c r="Q28" s="62"/>
      <c r="R28" s="31"/>
      <c r="S28" s="21"/>
      <c r="T28" s="21"/>
      <c r="U28" s="21"/>
      <c r="V28" s="21"/>
      <c r="W28" s="62"/>
      <c r="X28" s="20"/>
      <c r="Y28" s="34"/>
      <c r="Z28" s="34"/>
      <c r="AA28" s="34"/>
      <c r="AB28" s="34"/>
      <c r="AC28" s="62"/>
      <c r="AD28" s="20"/>
      <c r="AE28" s="34"/>
      <c r="AF28" s="34"/>
      <c r="AG28" s="34"/>
      <c r="AH28" s="62" t="s">
        <v>42</v>
      </c>
      <c r="AI28" s="20"/>
      <c r="AJ28" s="34"/>
      <c r="AK28" s="34" t="s">
        <v>42</v>
      </c>
      <c r="AL28" s="34" t="s">
        <v>42</v>
      </c>
      <c r="AM28" s="35"/>
    </row>
    <row r="29" spans="1:39" ht="38.25" x14ac:dyDescent="0.25">
      <c r="A29" s="42"/>
      <c r="B29" s="19" t="s">
        <v>84</v>
      </c>
      <c r="C29" s="12"/>
      <c r="D29" s="46"/>
      <c r="E29" s="20"/>
      <c r="F29" s="34"/>
      <c r="G29" s="50"/>
      <c r="H29" s="20"/>
      <c r="I29" s="20"/>
      <c r="J29" s="20"/>
      <c r="K29" s="20"/>
      <c r="L29" s="56" t="s">
        <v>42</v>
      </c>
      <c r="M29" s="20"/>
      <c r="N29" s="34"/>
      <c r="O29" s="34" t="s">
        <v>42</v>
      </c>
      <c r="P29" s="26" t="s">
        <v>42</v>
      </c>
      <c r="Q29" s="62"/>
      <c r="R29" s="31"/>
      <c r="S29" s="21"/>
      <c r="T29" s="21"/>
      <c r="U29" s="21"/>
      <c r="V29" s="21"/>
      <c r="W29" s="62"/>
      <c r="X29" s="20"/>
      <c r="Y29" s="34"/>
      <c r="Z29" s="34"/>
      <c r="AA29" s="34"/>
      <c r="AB29" s="34"/>
      <c r="AC29" s="62"/>
      <c r="AD29" s="20"/>
      <c r="AE29" s="34"/>
      <c r="AF29" s="34"/>
      <c r="AG29" s="34"/>
      <c r="AH29" s="62"/>
      <c r="AI29" s="20"/>
      <c r="AJ29" s="34"/>
      <c r="AK29" s="34"/>
      <c r="AL29" s="34"/>
      <c r="AM29" s="35"/>
    </row>
    <row r="30" spans="1:39" ht="34.9" customHeight="1" x14ac:dyDescent="0.25">
      <c r="A30" s="42"/>
      <c r="B30" s="19" t="s">
        <v>85</v>
      </c>
      <c r="C30" s="12"/>
      <c r="D30" s="46"/>
      <c r="E30" s="20"/>
      <c r="F30" s="34"/>
      <c r="G30" s="50"/>
      <c r="H30" s="20"/>
      <c r="I30" s="20"/>
      <c r="J30" s="20"/>
      <c r="K30" s="20"/>
      <c r="L30" s="56"/>
      <c r="M30" s="20"/>
      <c r="N30" s="34"/>
      <c r="O30" s="34"/>
      <c r="P30" s="26"/>
      <c r="Q30" s="62"/>
      <c r="R30" s="31"/>
      <c r="S30" s="21"/>
      <c r="T30" s="21"/>
      <c r="U30" s="21"/>
      <c r="V30" s="21"/>
      <c r="W30" s="62"/>
      <c r="X30" s="20"/>
      <c r="Y30" s="34"/>
      <c r="Z30" s="34"/>
      <c r="AA30" s="34"/>
      <c r="AB30" s="34"/>
      <c r="AC30" s="62"/>
      <c r="AD30" s="20"/>
      <c r="AE30" s="34"/>
      <c r="AF30" s="34"/>
      <c r="AG30" s="34"/>
      <c r="AH30" s="62"/>
      <c r="AI30" s="20"/>
      <c r="AJ30" s="34"/>
      <c r="AK30" s="34"/>
      <c r="AL30" s="34"/>
      <c r="AM30" s="35"/>
    </row>
    <row r="31" spans="1:39" ht="34.9" customHeight="1" x14ac:dyDescent="0.25">
      <c r="A31" s="42"/>
      <c r="B31" s="19" t="s">
        <v>86</v>
      </c>
      <c r="C31" s="12"/>
      <c r="D31" s="46"/>
      <c r="E31" s="20"/>
      <c r="F31" s="34"/>
      <c r="G31" s="50"/>
      <c r="H31" s="20"/>
      <c r="I31" s="20"/>
      <c r="J31" s="20"/>
      <c r="K31" s="20"/>
      <c r="L31" s="56"/>
      <c r="M31" s="20"/>
      <c r="N31" s="34"/>
      <c r="O31" s="34"/>
      <c r="P31" s="26"/>
      <c r="Q31" s="62"/>
      <c r="R31" s="31"/>
      <c r="S31" s="21"/>
      <c r="T31" s="21"/>
      <c r="U31" s="21"/>
      <c r="V31" s="21"/>
      <c r="W31" s="62"/>
      <c r="X31" s="20"/>
      <c r="Y31" s="34"/>
      <c r="Z31" s="34"/>
      <c r="AA31" s="34"/>
      <c r="AB31" s="34"/>
      <c r="AC31" s="62"/>
      <c r="AD31" s="20"/>
      <c r="AE31" s="34"/>
      <c r="AF31" s="34"/>
      <c r="AG31" s="34"/>
      <c r="AH31" s="62" t="s">
        <v>42</v>
      </c>
      <c r="AI31" s="20"/>
      <c r="AJ31" s="34"/>
      <c r="AK31" s="34" t="s">
        <v>42</v>
      </c>
      <c r="AL31" s="34" t="s">
        <v>42</v>
      </c>
      <c r="AM31" s="35"/>
    </row>
    <row r="32" spans="1:39" ht="34.9" customHeight="1" x14ac:dyDescent="0.25">
      <c r="A32" s="42"/>
      <c r="B32" s="19" t="s">
        <v>87</v>
      </c>
      <c r="C32" s="12"/>
      <c r="D32" s="46"/>
      <c r="E32" s="20"/>
      <c r="F32" s="34"/>
      <c r="G32" s="50"/>
      <c r="H32" s="20"/>
      <c r="I32" s="20"/>
      <c r="J32" s="20"/>
      <c r="K32" s="20"/>
      <c r="L32" s="56"/>
      <c r="M32" s="20"/>
      <c r="N32" s="34"/>
      <c r="O32" s="34"/>
      <c r="P32" s="26"/>
      <c r="Q32" s="62"/>
      <c r="R32" s="31"/>
      <c r="S32" s="21"/>
      <c r="T32" s="21"/>
      <c r="U32" s="21"/>
      <c r="V32" s="21"/>
      <c r="W32" s="62"/>
      <c r="X32" s="20"/>
      <c r="Y32" s="34"/>
      <c r="Z32" s="34"/>
      <c r="AA32" s="34"/>
      <c r="AB32" s="34"/>
      <c r="AC32" s="62"/>
      <c r="AD32" s="20"/>
      <c r="AE32" s="34"/>
      <c r="AF32" s="34"/>
      <c r="AG32" s="34"/>
      <c r="AH32" s="62" t="s">
        <v>42</v>
      </c>
      <c r="AI32" s="20"/>
      <c r="AJ32" s="34"/>
      <c r="AK32" s="34" t="s">
        <v>42</v>
      </c>
      <c r="AL32" s="34" t="s">
        <v>42</v>
      </c>
      <c r="AM32" s="35"/>
    </row>
    <row r="33" spans="1:39" ht="34.9" customHeight="1" x14ac:dyDescent="0.25">
      <c r="A33" s="42"/>
      <c r="B33" s="19" t="s">
        <v>88</v>
      </c>
      <c r="C33" s="12"/>
      <c r="D33" s="46"/>
      <c r="E33" s="20"/>
      <c r="F33" s="34"/>
      <c r="G33" s="50"/>
      <c r="H33" s="20"/>
      <c r="I33" s="20"/>
      <c r="J33" s="20"/>
      <c r="K33" s="20"/>
      <c r="L33" s="56"/>
      <c r="M33" s="20"/>
      <c r="N33" s="34"/>
      <c r="O33" s="34"/>
      <c r="P33" s="26"/>
      <c r="Q33" s="62"/>
      <c r="R33" s="31"/>
      <c r="S33" s="21"/>
      <c r="T33" s="21"/>
      <c r="U33" s="21"/>
      <c r="V33" s="21"/>
      <c r="W33" s="62"/>
      <c r="X33" s="20"/>
      <c r="Y33" s="34"/>
      <c r="Z33" s="34"/>
      <c r="AA33" s="34"/>
      <c r="AB33" s="34"/>
      <c r="AC33" s="62"/>
      <c r="AD33" s="20"/>
      <c r="AE33" s="34"/>
      <c r="AF33" s="34"/>
      <c r="AG33" s="34"/>
      <c r="AH33" s="62" t="s">
        <v>42</v>
      </c>
      <c r="AI33" s="20"/>
      <c r="AJ33" s="34"/>
      <c r="AK33" s="34" t="s">
        <v>42</v>
      </c>
      <c r="AL33" s="34" t="s">
        <v>42</v>
      </c>
      <c r="AM33" s="35"/>
    </row>
    <row r="34" spans="1:39" ht="44.25" customHeight="1" x14ac:dyDescent="0.25">
      <c r="A34" s="42"/>
      <c r="B34" s="19" t="s">
        <v>89</v>
      </c>
      <c r="C34" s="12"/>
      <c r="D34" s="46"/>
      <c r="E34" s="20"/>
      <c r="F34" s="34"/>
      <c r="G34" s="50"/>
      <c r="H34" s="20"/>
      <c r="I34" s="20"/>
      <c r="J34" s="20"/>
      <c r="K34" s="20"/>
      <c r="L34" s="56" t="s">
        <v>42</v>
      </c>
      <c r="M34" s="20"/>
      <c r="N34" s="34"/>
      <c r="O34" s="34" t="s">
        <v>42</v>
      </c>
      <c r="P34" s="26" t="s">
        <v>42</v>
      </c>
      <c r="Q34" s="62"/>
      <c r="R34" s="31"/>
      <c r="S34" s="21"/>
      <c r="T34" s="21"/>
      <c r="U34" s="21"/>
      <c r="V34" s="21"/>
      <c r="W34" s="62"/>
      <c r="X34" s="20"/>
      <c r="Y34" s="34"/>
      <c r="Z34" s="34"/>
      <c r="AA34" s="34"/>
      <c r="AB34" s="34"/>
      <c r="AC34" s="62"/>
      <c r="AD34" s="20"/>
      <c r="AE34" s="34"/>
      <c r="AF34" s="34"/>
      <c r="AG34" s="34"/>
      <c r="AH34" s="62"/>
      <c r="AI34" s="20"/>
      <c r="AJ34" s="34"/>
      <c r="AK34" s="34"/>
      <c r="AL34" s="34"/>
      <c r="AM34" s="35"/>
    </row>
    <row r="35" spans="1:39" ht="34.9" customHeight="1" x14ac:dyDescent="0.25">
      <c r="A35" s="42"/>
      <c r="B35" s="19" t="s">
        <v>90</v>
      </c>
      <c r="C35" s="12"/>
      <c r="D35" s="46"/>
      <c r="E35" s="20"/>
      <c r="F35" s="34"/>
      <c r="G35" s="50"/>
      <c r="H35" s="20"/>
      <c r="I35" s="20"/>
      <c r="J35" s="20"/>
      <c r="K35" s="20"/>
      <c r="L35" s="56"/>
      <c r="M35" s="20"/>
      <c r="N35" s="34"/>
      <c r="O35" s="34"/>
      <c r="P35" s="26"/>
      <c r="Q35" s="62"/>
      <c r="R35" s="31"/>
      <c r="S35" s="21"/>
      <c r="T35" s="21"/>
      <c r="U35" s="21"/>
      <c r="V35" s="21"/>
      <c r="W35" s="62"/>
      <c r="X35" s="20"/>
      <c r="Y35" s="34"/>
      <c r="Z35" s="34"/>
      <c r="AA35" s="34"/>
      <c r="AB35" s="34"/>
      <c r="AC35" s="62"/>
      <c r="AD35" s="20"/>
      <c r="AE35" s="34"/>
      <c r="AF35" s="34"/>
      <c r="AG35" s="34"/>
      <c r="AH35" s="62" t="s">
        <v>42</v>
      </c>
      <c r="AI35" s="20"/>
      <c r="AJ35" s="34"/>
      <c r="AK35" s="34" t="s">
        <v>42</v>
      </c>
      <c r="AL35" s="34" t="s">
        <v>42</v>
      </c>
      <c r="AM35" s="35"/>
    </row>
    <row r="36" spans="1:39" ht="34.9" customHeight="1" x14ac:dyDescent="0.25">
      <c r="A36" s="42"/>
      <c r="B36" s="19" t="s">
        <v>91</v>
      </c>
      <c r="C36" s="12"/>
      <c r="D36" s="46"/>
      <c r="E36" s="20"/>
      <c r="F36" s="34"/>
      <c r="G36" s="50"/>
      <c r="H36" s="20"/>
      <c r="I36" s="20"/>
      <c r="J36" s="20"/>
      <c r="K36" s="20"/>
      <c r="L36" s="56"/>
      <c r="M36" s="20"/>
      <c r="N36" s="34"/>
      <c r="O36" s="34"/>
      <c r="P36" s="26"/>
      <c r="Q36" s="62"/>
      <c r="R36" s="31"/>
      <c r="S36" s="21"/>
      <c r="T36" s="21"/>
      <c r="U36" s="21"/>
      <c r="V36" s="21"/>
      <c r="W36" s="62"/>
      <c r="X36" s="20"/>
      <c r="Y36" s="34"/>
      <c r="Z36" s="34"/>
      <c r="AA36" s="34"/>
      <c r="AB36" s="34"/>
      <c r="AC36" s="62"/>
      <c r="AD36" s="20"/>
      <c r="AE36" s="34"/>
      <c r="AF36" s="34"/>
      <c r="AG36" s="34"/>
      <c r="AH36" s="62" t="s">
        <v>42</v>
      </c>
      <c r="AI36" s="20" t="s">
        <v>42</v>
      </c>
      <c r="AJ36" s="34"/>
      <c r="AK36" s="34" t="s">
        <v>42</v>
      </c>
      <c r="AL36" s="34" t="s">
        <v>42</v>
      </c>
      <c r="AM36" s="35"/>
    </row>
    <row r="37" spans="1:39" ht="34.9" customHeight="1" x14ac:dyDescent="0.25">
      <c r="A37" s="42"/>
      <c r="B37" s="19" t="s">
        <v>92</v>
      </c>
      <c r="C37" s="12"/>
      <c r="D37" s="46"/>
      <c r="E37" s="20"/>
      <c r="F37" s="34"/>
      <c r="G37" s="50"/>
      <c r="H37" s="20"/>
      <c r="I37" s="20"/>
      <c r="J37" s="20"/>
      <c r="K37" s="20"/>
      <c r="L37" s="56" t="s">
        <v>42</v>
      </c>
      <c r="M37" s="20"/>
      <c r="N37" s="34"/>
      <c r="O37" s="34" t="s">
        <v>42</v>
      </c>
      <c r="P37" s="26" t="s">
        <v>42</v>
      </c>
      <c r="Q37" s="62"/>
      <c r="R37" s="31"/>
      <c r="S37" s="21"/>
      <c r="T37" s="21"/>
      <c r="U37" s="21"/>
      <c r="V37" s="21"/>
      <c r="W37" s="62"/>
      <c r="X37" s="20"/>
      <c r="Y37" s="34"/>
      <c r="Z37" s="34"/>
      <c r="AA37" s="34"/>
      <c r="AB37" s="34"/>
      <c r="AC37" s="62"/>
      <c r="AD37" s="20"/>
      <c r="AE37" s="34"/>
      <c r="AF37" s="34"/>
      <c r="AG37" s="34"/>
      <c r="AH37" s="62"/>
      <c r="AI37" s="20"/>
      <c r="AJ37" s="34"/>
      <c r="AK37" s="34"/>
      <c r="AL37" s="34"/>
      <c r="AM37" s="35"/>
    </row>
    <row r="38" spans="1:39" ht="42" customHeight="1" x14ac:dyDescent="0.25">
      <c r="A38" s="42"/>
      <c r="B38" s="19" t="s">
        <v>93</v>
      </c>
      <c r="C38" s="12"/>
      <c r="D38" s="46"/>
      <c r="E38" s="20"/>
      <c r="F38" s="34"/>
      <c r="G38" s="50"/>
      <c r="H38" s="20"/>
      <c r="I38" s="20"/>
      <c r="J38" s="20"/>
      <c r="K38" s="20"/>
      <c r="L38" s="56" t="s">
        <v>42</v>
      </c>
      <c r="M38" s="20"/>
      <c r="N38" s="34"/>
      <c r="O38" s="34" t="s">
        <v>42</v>
      </c>
      <c r="P38" s="26" t="s">
        <v>42</v>
      </c>
      <c r="Q38" s="62"/>
      <c r="R38" s="31"/>
      <c r="S38" s="21"/>
      <c r="T38" s="21"/>
      <c r="U38" s="21"/>
      <c r="V38" s="21"/>
      <c r="W38" s="62"/>
      <c r="X38" s="20"/>
      <c r="Y38" s="34"/>
      <c r="Z38" s="34"/>
      <c r="AA38" s="34"/>
      <c r="AB38" s="34"/>
      <c r="AC38" s="62"/>
      <c r="AD38" s="20"/>
      <c r="AE38" s="34"/>
      <c r="AF38" s="34"/>
      <c r="AG38" s="34"/>
      <c r="AH38" s="62"/>
      <c r="AI38" s="20"/>
      <c r="AJ38" s="34"/>
      <c r="AK38" s="34"/>
      <c r="AL38" s="34"/>
      <c r="AM38" s="35"/>
    </row>
    <row r="39" spans="1:39" ht="34.9" customHeight="1" x14ac:dyDescent="0.25">
      <c r="A39" s="42"/>
      <c r="B39" s="19" t="s">
        <v>94</v>
      </c>
      <c r="C39" s="12"/>
      <c r="D39" s="46"/>
      <c r="E39" s="20"/>
      <c r="F39" s="34"/>
      <c r="G39" s="50"/>
      <c r="H39" s="20"/>
      <c r="I39" s="20"/>
      <c r="J39" s="20"/>
      <c r="K39" s="20"/>
      <c r="L39" s="56"/>
      <c r="M39" s="20"/>
      <c r="N39" s="34"/>
      <c r="O39" s="34"/>
      <c r="P39" s="26"/>
      <c r="Q39" s="62"/>
      <c r="R39" s="31"/>
      <c r="S39" s="21"/>
      <c r="T39" s="21"/>
      <c r="U39" s="21"/>
      <c r="V39" s="21"/>
      <c r="W39" s="62"/>
      <c r="X39" s="20"/>
      <c r="Y39" s="34"/>
      <c r="Z39" s="34"/>
      <c r="AA39" s="34"/>
      <c r="AB39" s="34"/>
      <c r="AC39" s="62"/>
      <c r="AD39" s="20"/>
      <c r="AE39" s="34"/>
      <c r="AF39" s="34"/>
      <c r="AG39" s="34"/>
      <c r="AH39" s="62" t="s">
        <v>42</v>
      </c>
      <c r="AI39" s="20"/>
      <c r="AJ39" s="34"/>
      <c r="AK39" s="34" t="s">
        <v>42</v>
      </c>
      <c r="AL39" s="34" t="s">
        <v>42</v>
      </c>
      <c r="AM39" s="35"/>
    </row>
    <row r="40" spans="1:39" ht="34.9" customHeight="1" x14ac:dyDescent="0.25">
      <c r="A40" s="42"/>
      <c r="B40" s="19" t="s">
        <v>95</v>
      </c>
      <c r="C40" s="12"/>
      <c r="D40" s="46"/>
      <c r="E40" s="20"/>
      <c r="F40" s="34"/>
      <c r="G40" s="50"/>
      <c r="H40" s="20"/>
      <c r="I40" s="20"/>
      <c r="J40" s="20"/>
      <c r="K40" s="20"/>
      <c r="L40" s="56" t="s">
        <v>42</v>
      </c>
      <c r="M40" s="20"/>
      <c r="N40" s="34"/>
      <c r="O40" s="34" t="s">
        <v>42</v>
      </c>
      <c r="P40" s="26" t="s">
        <v>42</v>
      </c>
      <c r="Q40" s="62"/>
      <c r="R40" s="31"/>
      <c r="S40" s="21"/>
      <c r="T40" s="21"/>
      <c r="U40" s="21"/>
      <c r="V40" s="21"/>
      <c r="W40" s="62"/>
      <c r="X40" s="20"/>
      <c r="Y40" s="34"/>
      <c r="Z40" s="34"/>
      <c r="AA40" s="34"/>
      <c r="AB40" s="34"/>
      <c r="AC40" s="62"/>
      <c r="AD40" s="20"/>
      <c r="AE40" s="34"/>
      <c r="AF40" s="34"/>
      <c r="AG40" s="34"/>
      <c r="AH40" s="62"/>
      <c r="AI40" s="20"/>
      <c r="AJ40" s="34"/>
      <c r="AK40" s="34"/>
      <c r="AL40" s="34"/>
      <c r="AM40" s="35"/>
    </row>
    <row r="41" spans="1:39" ht="34.9" customHeight="1" x14ac:dyDescent="0.25">
      <c r="A41" s="42"/>
      <c r="B41" s="19" t="s">
        <v>96</v>
      </c>
      <c r="C41" s="12"/>
      <c r="D41" s="46"/>
      <c r="E41" s="20"/>
      <c r="F41" s="34"/>
      <c r="G41" s="50" t="s">
        <v>42</v>
      </c>
      <c r="H41" s="20"/>
      <c r="I41" s="20"/>
      <c r="J41" s="20" t="s">
        <v>42</v>
      </c>
      <c r="K41" s="20" t="s">
        <v>42</v>
      </c>
      <c r="L41" s="56"/>
      <c r="M41" s="20"/>
      <c r="N41" s="34"/>
      <c r="O41" s="34"/>
      <c r="P41" s="26"/>
      <c r="Q41" s="62"/>
      <c r="R41" s="31"/>
      <c r="S41" s="21"/>
      <c r="T41" s="21"/>
      <c r="U41" s="21"/>
      <c r="V41" s="21"/>
      <c r="W41" s="62"/>
      <c r="X41" s="20"/>
      <c r="Y41" s="34"/>
      <c r="Z41" s="34"/>
      <c r="AA41" s="34"/>
      <c r="AB41" s="34"/>
      <c r="AC41" s="62"/>
      <c r="AD41" s="20"/>
      <c r="AE41" s="34"/>
      <c r="AF41" s="34"/>
      <c r="AG41" s="34"/>
      <c r="AH41" s="62"/>
      <c r="AI41" s="20"/>
      <c r="AJ41" s="34"/>
      <c r="AK41" s="34"/>
      <c r="AL41" s="34"/>
      <c r="AM41" s="35"/>
    </row>
    <row r="42" spans="1:39" ht="34.9" customHeight="1" x14ac:dyDescent="0.25">
      <c r="A42" s="42"/>
      <c r="B42" s="19" t="s">
        <v>97</v>
      </c>
      <c r="C42" s="12"/>
      <c r="D42" s="46"/>
      <c r="E42" s="20"/>
      <c r="F42" s="34"/>
      <c r="G42" s="50" t="s">
        <v>42</v>
      </c>
      <c r="H42" s="20"/>
      <c r="I42" s="20"/>
      <c r="J42" s="20" t="s">
        <v>42</v>
      </c>
      <c r="K42" s="20" t="s">
        <v>42</v>
      </c>
      <c r="L42" s="56"/>
      <c r="M42" s="20"/>
      <c r="N42" s="34"/>
      <c r="O42" s="34"/>
      <c r="P42" s="26"/>
      <c r="Q42" s="62"/>
      <c r="R42" s="31"/>
      <c r="S42" s="21"/>
      <c r="T42" s="21"/>
      <c r="U42" s="21"/>
      <c r="V42" s="21"/>
      <c r="W42" s="62"/>
      <c r="X42" s="20"/>
      <c r="Y42" s="34"/>
      <c r="Z42" s="34"/>
      <c r="AA42" s="34"/>
      <c r="AB42" s="34"/>
      <c r="AC42" s="62"/>
      <c r="AD42" s="20"/>
      <c r="AE42" s="34"/>
      <c r="AF42" s="34"/>
      <c r="AG42" s="34"/>
      <c r="AH42" s="62"/>
      <c r="AI42" s="20"/>
      <c r="AJ42" s="34"/>
      <c r="AK42" s="34"/>
      <c r="AL42" s="34"/>
      <c r="AM42" s="35"/>
    </row>
    <row r="43" spans="1:39" ht="34.9" customHeight="1" x14ac:dyDescent="0.25">
      <c r="A43" s="42"/>
      <c r="B43" s="19" t="s">
        <v>98</v>
      </c>
      <c r="C43" s="12"/>
      <c r="D43" s="46"/>
      <c r="E43" s="20"/>
      <c r="F43" s="34"/>
      <c r="G43" s="50" t="s">
        <v>42</v>
      </c>
      <c r="H43" s="20"/>
      <c r="I43" s="20"/>
      <c r="J43" s="20" t="s">
        <v>42</v>
      </c>
      <c r="K43" s="20" t="s">
        <v>42</v>
      </c>
      <c r="L43" s="56"/>
      <c r="M43" s="20"/>
      <c r="N43" s="34"/>
      <c r="O43" s="34"/>
      <c r="P43" s="26"/>
      <c r="Q43" s="62"/>
      <c r="R43" s="31"/>
      <c r="S43" s="21"/>
      <c r="T43" s="21"/>
      <c r="U43" s="21"/>
      <c r="V43" s="21"/>
      <c r="W43" s="62"/>
      <c r="X43" s="20"/>
      <c r="Y43" s="34"/>
      <c r="Z43" s="34"/>
      <c r="AA43" s="34"/>
      <c r="AB43" s="34"/>
      <c r="AC43" s="62"/>
      <c r="AD43" s="20"/>
      <c r="AE43" s="34"/>
      <c r="AF43" s="34"/>
      <c r="AG43" s="34"/>
      <c r="AH43" s="62"/>
      <c r="AI43" s="20"/>
      <c r="AJ43" s="34"/>
      <c r="AK43" s="34"/>
      <c r="AL43" s="34"/>
      <c r="AM43" s="35"/>
    </row>
    <row r="44" spans="1:39" ht="34.9" customHeight="1" x14ac:dyDescent="0.25">
      <c r="A44" s="42"/>
      <c r="B44" s="19" t="s">
        <v>99</v>
      </c>
      <c r="C44" s="12"/>
      <c r="D44" s="46"/>
      <c r="E44" s="20"/>
      <c r="F44" s="34"/>
      <c r="G44" s="50"/>
      <c r="H44" s="20"/>
      <c r="I44" s="20"/>
      <c r="J44" s="20"/>
      <c r="K44" s="20"/>
      <c r="L44" s="56"/>
      <c r="M44" s="20"/>
      <c r="N44" s="34"/>
      <c r="O44" s="34"/>
      <c r="P44" s="26"/>
      <c r="Q44" s="62" t="s">
        <v>42</v>
      </c>
      <c r="R44" s="31"/>
      <c r="S44" s="21"/>
      <c r="T44" s="21"/>
      <c r="U44" s="21" t="s">
        <v>42</v>
      </c>
      <c r="V44" s="21" t="s">
        <v>42</v>
      </c>
      <c r="W44" s="62"/>
      <c r="X44" s="20"/>
      <c r="Y44" s="34"/>
      <c r="Z44" s="34"/>
      <c r="AA44" s="34"/>
      <c r="AB44" s="34"/>
      <c r="AC44" s="62"/>
      <c r="AD44" s="20"/>
      <c r="AE44" s="34"/>
      <c r="AF44" s="34"/>
      <c r="AG44" s="34"/>
      <c r="AH44" s="62"/>
      <c r="AI44" s="20"/>
      <c r="AJ44" s="34"/>
      <c r="AK44" s="34"/>
      <c r="AL44" s="34"/>
      <c r="AM44" s="35"/>
    </row>
    <row r="45" spans="1:39" ht="34.9" customHeight="1" x14ac:dyDescent="0.25">
      <c r="A45" s="42"/>
      <c r="B45" s="19" t="s">
        <v>100</v>
      </c>
      <c r="C45" s="12"/>
      <c r="D45" s="46"/>
      <c r="E45" s="20"/>
      <c r="F45" s="34"/>
      <c r="G45" s="50"/>
      <c r="H45" s="20"/>
      <c r="I45" s="20"/>
      <c r="J45" s="20"/>
      <c r="K45" s="20"/>
      <c r="L45" s="56"/>
      <c r="M45" s="20"/>
      <c r="N45" s="34"/>
      <c r="O45" s="34"/>
      <c r="P45" s="26"/>
      <c r="Q45" s="62" t="s">
        <v>42</v>
      </c>
      <c r="R45" s="31"/>
      <c r="S45" s="21"/>
      <c r="T45" s="21"/>
      <c r="U45" s="21" t="s">
        <v>42</v>
      </c>
      <c r="V45" s="21" t="s">
        <v>42</v>
      </c>
      <c r="W45" s="62"/>
      <c r="X45" s="20"/>
      <c r="Y45" s="34"/>
      <c r="Z45" s="34"/>
      <c r="AA45" s="34"/>
      <c r="AB45" s="34"/>
      <c r="AC45" s="62"/>
      <c r="AD45" s="20"/>
      <c r="AE45" s="34"/>
      <c r="AF45" s="34"/>
      <c r="AG45" s="34"/>
      <c r="AH45" s="62"/>
      <c r="AI45" s="20"/>
      <c r="AJ45" s="34"/>
      <c r="AK45" s="34"/>
      <c r="AL45" s="34"/>
      <c r="AM45" s="35"/>
    </row>
    <row r="46" spans="1:39" ht="34.9" customHeight="1" x14ac:dyDescent="0.25">
      <c r="A46" s="42"/>
      <c r="B46" s="19" t="s">
        <v>101</v>
      </c>
      <c r="C46" s="12"/>
      <c r="D46" s="46"/>
      <c r="E46" s="20"/>
      <c r="F46" s="34"/>
      <c r="G46" s="50"/>
      <c r="H46" s="20"/>
      <c r="I46" s="20"/>
      <c r="J46" s="20"/>
      <c r="K46" s="20"/>
      <c r="L46" s="56"/>
      <c r="M46" s="20"/>
      <c r="N46" s="34"/>
      <c r="O46" s="34"/>
      <c r="P46" s="26"/>
      <c r="Q46" s="62" t="s">
        <v>42</v>
      </c>
      <c r="R46" s="31"/>
      <c r="S46" s="21"/>
      <c r="T46" s="21"/>
      <c r="U46" s="21" t="s">
        <v>42</v>
      </c>
      <c r="V46" s="21" t="s">
        <v>42</v>
      </c>
      <c r="W46" s="62"/>
      <c r="X46" s="20"/>
      <c r="Y46" s="34"/>
      <c r="Z46" s="34"/>
      <c r="AA46" s="34"/>
      <c r="AB46" s="34"/>
      <c r="AC46" s="62"/>
      <c r="AD46" s="20"/>
      <c r="AE46" s="34"/>
      <c r="AF46" s="34"/>
      <c r="AG46" s="34"/>
      <c r="AH46" s="62"/>
      <c r="AI46" s="20"/>
      <c r="AJ46" s="34"/>
      <c r="AK46" s="34"/>
      <c r="AL46" s="34"/>
      <c r="AM46" s="35"/>
    </row>
    <row r="47" spans="1:39" ht="34.9" customHeight="1" x14ac:dyDescent="0.25">
      <c r="A47" s="42"/>
      <c r="B47" s="19" t="s">
        <v>102</v>
      </c>
      <c r="C47" s="12"/>
      <c r="D47" s="46"/>
      <c r="E47" s="20"/>
      <c r="F47" s="34"/>
      <c r="G47" s="50"/>
      <c r="H47" s="20"/>
      <c r="I47" s="20"/>
      <c r="J47" s="20"/>
      <c r="K47" s="20"/>
      <c r="L47" s="56"/>
      <c r="M47" s="20"/>
      <c r="N47" s="34"/>
      <c r="O47" s="34"/>
      <c r="P47" s="26"/>
      <c r="Q47" s="62"/>
      <c r="R47" s="31"/>
      <c r="S47" s="21"/>
      <c r="T47" s="21"/>
      <c r="U47" s="21"/>
      <c r="V47" s="21"/>
      <c r="W47" s="62"/>
      <c r="X47" s="20"/>
      <c r="Y47" s="34"/>
      <c r="Z47" s="34"/>
      <c r="AA47" s="34"/>
      <c r="AB47" s="34"/>
      <c r="AC47" s="62" t="s">
        <v>42</v>
      </c>
      <c r="AD47" s="20"/>
      <c r="AE47" s="34"/>
      <c r="AF47" s="34" t="s">
        <v>42</v>
      </c>
      <c r="AG47" s="34" t="s">
        <v>42</v>
      </c>
      <c r="AH47" s="62"/>
      <c r="AI47" s="20"/>
      <c r="AJ47" s="34"/>
      <c r="AK47" s="34"/>
      <c r="AL47" s="34"/>
      <c r="AM47" s="35"/>
    </row>
    <row r="48" spans="1:39" ht="34.9" customHeight="1" x14ac:dyDescent="0.25">
      <c r="A48" s="42"/>
      <c r="B48" s="19" t="s">
        <v>103</v>
      </c>
      <c r="C48" s="12"/>
      <c r="D48" s="46"/>
      <c r="E48" s="20"/>
      <c r="F48" s="34"/>
      <c r="G48" s="50"/>
      <c r="H48" s="20"/>
      <c r="I48" s="20"/>
      <c r="J48" s="20"/>
      <c r="K48" s="20"/>
      <c r="L48" s="56"/>
      <c r="M48" s="20"/>
      <c r="N48" s="34"/>
      <c r="O48" s="34"/>
      <c r="P48" s="26"/>
      <c r="Q48" s="62"/>
      <c r="R48" s="31"/>
      <c r="S48" s="21"/>
      <c r="T48" s="21"/>
      <c r="U48" s="21"/>
      <c r="V48" s="21"/>
      <c r="W48" s="62"/>
      <c r="X48" s="20"/>
      <c r="Y48" s="34"/>
      <c r="Z48" s="34"/>
      <c r="AA48" s="34"/>
      <c r="AB48" s="34"/>
      <c r="AC48" s="62" t="s">
        <v>42</v>
      </c>
      <c r="AD48" s="20"/>
      <c r="AE48" s="34"/>
      <c r="AF48" s="34" t="s">
        <v>42</v>
      </c>
      <c r="AG48" s="34" t="s">
        <v>42</v>
      </c>
      <c r="AH48" s="62"/>
      <c r="AI48" s="20"/>
      <c r="AJ48" s="34"/>
      <c r="AK48" s="34"/>
      <c r="AL48" s="34"/>
      <c r="AM48" s="35"/>
    </row>
    <row r="49" spans="1:39" ht="34.9" customHeight="1" x14ac:dyDescent="0.25">
      <c r="A49" s="42"/>
      <c r="B49" s="19" t="s">
        <v>104</v>
      </c>
      <c r="C49" s="12"/>
      <c r="D49" s="46"/>
      <c r="E49" s="20"/>
      <c r="F49" s="34"/>
      <c r="G49" s="50"/>
      <c r="H49" s="20"/>
      <c r="I49" s="20"/>
      <c r="J49" s="20"/>
      <c r="K49" s="20"/>
      <c r="L49" s="56"/>
      <c r="M49" s="20"/>
      <c r="N49" s="34"/>
      <c r="O49" s="34"/>
      <c r="P49" s="26"/>
      <c r="Q49" s="62" t="s">
        <v>42</v>
      </c>
      <c r="R49" s="31"/>
      <c r="S49" s="21"/>
      <c r="T49" s="21"/>
      <c r="U49" s="21" t="s">
        <v>42</v>
      </c>
      <c r="V49" s="21" t="s">
        <v>42</v>
      </c>
      <c r="W49" s="62"/>
      <c r="X49" s="20"/>
      <c r="Y49" s="34"/>
      <c r="Z49" s="34"/>
      <c r="AA49" s="34"/>
      <c r="AB49" s="34"/>
      <c r="AC49" s="62"/>
      <c r="AD49" s="20"/>
      <c r="AE49" s="34"/>
      <c r="AF49" s="34"/>
      <c r="AG49" s="34"/>
      <c r="AH49" s="62"/>
      <c r="AI49" s="20"/>
      <c r="AJ49" s="34"/>
      <c r="AK49" s="34"/>
      <c r="AL49" s="34"/>
      <c r="AM49" s="35"/>
    </row>
    <row r="50" spans="1:39" ht="34.9" customHeight="1" x14ac:dyDescent="0.25">
      <c r="A50" s="42"/>
      <c r="B50" s="19" t="s">
        <v>105</v>
      </c>
      <c r="C50" s="12"/>
      <c r="D50" s="46"/>
      <c r="E50" s="20"/>
      <c r="F50" s="34"/>
      <c r="G50" s="50"/>
      <c r="H50" s="20"/>
      <c r="I50" s="20"/>
      <c r="J50" s="20"/>
      <c r="K50" s="20"/>
      <c r="L50" s="56" t="s">
        <v>42</v>
      </c>
      <c r="M50" s="20"/>
      <c r="N50" s="34"/>
      <c r="O50" s="34" t="s">
        <v>42</v>
      </c>
      <c r="P50" s="26" t="s">
        <v>42</v>
      </c>
      <c r="Q50" s="62"/>
      <c r="R50" s="31"/>
      <c r="S50" s="21"/>
      <c r="T50" s="21"/>
      <c r="U50" s="21"/>
      <c r="V50" s="21"/>
      <c r="W50" s="62"/>
      <c r="X50" s="20"/>
      <c r="Y50" s="34"/>
      <c r="Z50" s="34"/>
      <c r="AA50" s="34"/>
      <c r="AB50" s="34"/>
      <c r="AC50" s="62"/>
      <c r="AD50" s="20"/>
      <c r="AE50" s="34"/>
      <c r="AF50" s="34"/>
      <c r="AG50" s="34"/>
      <c r="AH50" s="62"/>
      <c r="AI50" s="20"/>
      <c r="AJ50" s="34"/>
      <c r="AK50" s="34"/>
      <c r="AL50" s="34"/>
      <c r="AM50" s="35"/>
    </row>
    <row r="51" spans="1:39" ht="34.9" customHeight="1" x14ac:dyDescent="0.25">
      <c r="A51" s="42"/>
      <c r="B51" s="19" t="s">
        <v>106</v>
      </c>
      <c r="C51" s="12"/>
      <c r="D51" s="46"/>
      <c r="E51" s="20"/>
      <c r="F51" s="34"/>
      <c r="G51" s="50"/>
      <c r="H51" s="20"/>
      <c r="I51" s="20"/>
      <c r="J51" s="20"/>
      <c r="K51" s="20"/>
      <c r="L51" s="56"/>
      <c r="M51" s="20"/>
      <c r="N51" s="34"/>
      <c r="O51" s="34"/>
      <c r="P51" s="26"/>
      <c r="Q51" s="62"/>
      <c r="R51" s="31"/>
      <c r="S51" s="21"/>
      <c r="T51" s="21"/>
      <c r="U51" s="21"/>
      <c r="V51" s="21"/>
      <c r="W51" s="62"/>
      <c r="X51" s="20"/>
      <c r="Y51" s="34"/>
      <c r="Z51" s="34"/>
      <c r="AA51" s="34"/>
      <c r="AB51" s="34"/>
      <c r="AC51" s="62"/>
      <c r="AD51" s="20"/>
      <c r="AE51" s="34"/>
      <c r="AF51" s="34"/>
      <c r="AG51" s="34"/>
      <c r="AH51" s="62"/>
      <c r="AI51" s="20"/>
      <c r="AJ51" s="34"/>
      <c r="AK51" s="34"/>
      <c r="AL51" s="34"/>
      <c r="AM51" s="35"/>
    </row>
    <row r="52" spans="1:39" ht="39.75" customHeight="1" x14ac:dyDescent="0.25">
      <c r="A52" s="42"/>
      <c r="B52" s="19" t="s">
        <v>107</v>
      </c>
      <c r="C52" s="12"/>
      <c r="D52" s="46"/>
      <c r="E52" s="20"/>
      <c r="F52" s="34"/>
      <c r="G52" s="50"/>
      <c r="H52" s="20"/>
      <c r="I52" s="20"/>
      <c r="J52" s="20"/>
      <c r="K52" s="20"/>
      <c r="L52" s="56"/>
      <c r="M52" s="20"/>
      <c r="N52" s="34"/>
      <c r="O52" s="34"/>
      <c r="P52" s="26"/>
      <c r="Q52" s="62"/>
      <c r="R52" s="31"/>
      <c r="S52" s="21"/>
      <c r="T52" s="21"/>
      <c r="U52" s="21"/>
      <c r="V52" s="21"/>
      <c r="W52" s="62"/>
      <c r="X52" s="20"/>
      <c r="Y52" s="34"/>
      <c r="Z52" s="34"/>
      <c r="AA52" s="34"/>
      <c r="AB52" s="34"/>
      <c r="AC52" s="62"/>
      <c r="AD52" s="20"/>
      <c r="AE52" s="34"/>
      <c r="AF52" s="34"/>
      <c r="AG52" s="34"/>
      <c r="AH52" s="62" t="s">
        <v>42</v>
      </c>
      <c r="AI52" s="20"/>
      <c r="AJ52" s="34"/>
      <c r="AK52" s="34" t="s">
        <v>42</v>
      </c>
      <c r="AL52" s="34" t="s">
        <v>42</v>
      </c>
      <c r="AM52" s="35"/>
    </row>
    <row r="53" spans="1:39" ht="42" customHeight="1" x14ac:dyDescent="0.25">
      <c r="A53" s="42"/>
      <c r="B53" s="19" t="s">
        <v>108</v>
      </c>
      <c r="C53" s="12"/>
      <c r="D53" s="46"/>
      <c r="E53" s="20"/>
      <c r="F53" s="34"/>
      <c r="G53" s="50"/>
      <c r="H53" s="20"/>
      <c r="I53" s="20"/>
      <c r="J53" s="20"/>
      <c r="K53" s="20"/>
      <c r="L53" s="56"/>
      <c r="M53" s="20"/>
      <c r="N53" s="34"/>
      <c r="O53" s="34"/>
      <c r="P53" s="26"/>
      <c r="Q53" s="62"/>
      <c r="R53" s="31"/>
      <c r="S53" s="21"/>
      <c r="T53" s="21"/>
      <c r="U53" s="21"/>
      <c r="V53" s="21"/>
      <c r="W53" s="62"/>
      <c r="X53" s="20"/>
      <c r="Y53" s="34"/>
      <c r="Z53" s="34"/>
      <c r="AA53" s="34"/>
      <c r="AB53" s="34"/>
      <c r="AC53" s="62"/>
      <c r="AD53" s="20"/>
      <c r="AE53" s="34"/>
      <c r="AF53" s="34"/>
      <c r="AG53" s="34"/>
      <c r="AH53" s="62" t="s">
        <v>42</v>
      </c>
      <c r="AI53" s="20"/>
      <c r="AJ53" s="34"/>
      <c r="AK53" s="34" t="s">
        <v>42</v>
      </c>
      <c r="AL53" s="34" t="s">
        <v>42</v>
      </c>
      <c r="AM53" s="35"/>
    </row>
    <row r="54" spans="1:39" ht="34.9" customHeight="1" x14ac:dyDescent="0.25">
      <c r="A54" s="42"/>
      <c r="B54" s="19" t="s">
        <v>109</v>
      </c>
      <c r="C54" s="12"/>
      <c r="D54" s="46"/>
      <c r="E54" s="20"/>
      <c r="F54" s="34"/>
      <c r="G54" s="50"/>
      <c r="H54" s="20"/>
      <c r="I54" s="20"/>
      <c r="J54" s="20"/>
      <c r="K54" s="20"/>
      <c r="L54" s="56"/>
      <c r="M54" s="20"/>
      <c r="N54" s="34"/>
      <c r="O54" s="34"/>
      <c r="P54" s="26"/>
      <c r="Q54" s="62"/>
      <c r="R54" s="31"/>
      <c r="S54" s="21"/>
      <c r="T54" s="21"/>
      <c r="U54" s="21"/>
      <c r="V54" s="21"/>
      <c r="W54" s="62"/>
      <c r="X54" s="20"/>
      <c r="Y54" s="34"/>
      <c r="Z54" s="34"/>
      <c r="AA54" s="34"/>
      <c r="AB54" s="34"/>
      <c r="AC54" s="62"/>
      <c r="AD54" s="20"/>
      <c r="AE54" s="34"/>
      <c r="AF54" s="34"/>
      <c r="AG54" s="34"/>
      <c r="AH54" s="62" t="s">
        <v>42</v>
      </c>
      <c r="AI54" s="20"/>
      <c r="AJ54" s="34"/>
      <c r="AK54" s="34" t="s">
        <v>42</v>
      </c>
      <c r="AL54" s="34" t="s">
        <v>42</v>
      </c>
      <c r="AM54" s="35"/>
    </row>
    <row r="55" spans="1:39" ht="34.9" customHeight="1" x14ac:dyDescent="0.25">
      <c r="A55" s="42"/>
      <c r="B55" s="19" t="s">
        <v>110</v>
      </c>
      <c r="C55" s="12"/>
      <c r="D55" s="46"/>
      <c r="E55" s="20"/>
      <c r="F55" s="34"/>
      <c r="G55" s="50"/>
      <c r="H55" s="20"/>
      <c r="I55" s="20"/>
      <c r="J55" s="20"/>
      <c r="K55" s="20"/>
      <c r="L55" s="56"/>
      <c r="M55" s="20"/>
      <c r="N55" s="34"/>
      <c r="O55" s="34"/>
      <c r="P55" s="26"/>
      <c r="Q55" s="62"/>
      <c r="R55" s="31"/>
      <c r="S55" s="21"/>
      <c r="T55" s="21"/>
      <c r="U55" s="21"/>
      <c r="V55" s="21"/>
      <c r="W55" s="62"/>
      <c r="X55" s="20"/>
      <c r="Y55" s="34"/>
      <c r="Z55" s="34"/>
      <c r="AA55" s="34"/>
      <c r="AB55" s="34"/>
      <c r="AC55" s="62"/>
      <c r="AD55" s="20"/>
      <c r="AE55" s="34"/>
      <c r="AF55" s="34"/>
      <c r="AG55" s="34"/>
      <c r="AH55" s="62" t="s">
        <v>42</v>
      </c>
      <c r="AI55" s="20"/>
      <c r="AJ55" s="34"/>
      <c r="AK55" s="34" t="s">
        <v>42</v>
      </c>
      <c r="AL55" s="34" t="s">
        <v>42</v>
      </c>
      <c r="AM55" s="35"/>
    </row>
    <row r="56" spans="1:39" ht="34.9" customHeight="1" x14ac:dyDescent="0.25">
      <c r="A56" s="42"/>
      <c r="B56" s="19" t="s">
        <v>111</v>
      </c>
      <c r="C56" s="12"/>
      <c r="D56" s="46"/>
      <c r="E56" s="20"/>
      <c r="F56" s="34"/>
      <c r="G56" s="50"/>
      <c r="H56" s="20"/>
      <c r="I56" s="20"/>
      <c r="J56" s="20"/>
      <c r="K56" s="20"/>
      <c r="L56" s="56"/>
      <c r="M56" s="20"/>
      <c r="N56" s="34"/>
      <c r="O56" s="34"/>
      <c r="P56" s="26"/>
      <c r="Q56" s="62"/>
      <c r="R56" s="31"/>
      <c r="S56" s="21"/>
      <c r="T56" s="21"/>
      <c r="U56" s="21"/>
      <c r="V56" s="21"/>
      <c r="W56" s="62"/>
      <c r="X56" s="20"/>
      <c r="Y56" s="34"/>
      <c r="Z56" s="34"/>
      <c r="AA56" s="34"/>
      <c r="AB56" s="34"/>
      <c r="AC56" s="62"/>
      <c r="AD56" s="20"/>
      <c r="AE56" s="34"/>
      <c r="AF56" s="34"/>
      <c r="AG56" s="34"/>
      <c r="AH56" s="62" t="s">
        <v>42</v>
      </c>
      <c r="AI56" s="20"/>
      <c r="AJ56" s="34"/>
      <c r="AK56" s="34" t="s">
        <v>42</v>
      </c>
      <c r="AL56" s="34" t="s">
        <v>42</v>
      </c>
      <c r="AM56" s="35"/>
    </row>
    <row r="57" spans="1:39" ht="34.9" customHeight="1" x14ac:dyDescent="0.25">
      <c r="A57" s="42"/>
      <c r="B57" s="19" t="s">
        <v>112</v>
      </c>
      <c r="C57" s="12"/>
      <c r="D57" s="46"/>
      <c r="E57" s="20"/>
      <c r="F57" s="34"/>
      <c r="G57" s="50"/>
      <c r="H57" s="20"/>
      <c r="I57" s="20"/>
      <c r="J57" s="20"/>
      <c r="K57" s="20"/>
      <c r="L57" s="56"/>
      <c r="M57" s="20"/>
      <c r="N57" s="34"/>
      <c r="O57" s="34"/>
      <c r="P57" s="26"/>
      <c r="Q57" s="62"/>
      <c r="R57" s="31"/>
      <c r="S57" s="21"/>
      <c r="T57" s="21"/>
      <c r="U57" s="21"/>
      <c r="V57" s="21"/>
      <c r="W57" s="62"/>
      <c r="X57" s="20"/>
      <c r="Y57" s="34"/>
      <c r="Z57" s="34"/>
      <c r="AA57" s="34"/>
      <c r="AB57" s="34"/>
      <c r="AC57" s="62"/>
      <c r="AD57" s="20"/>
      <c r="AE57" s="34"/>
      <c r="AF57" s="34"/>
      <c r="AG57" s="34"/>
      <c r="AH57" s="62" t="s">
        <v>42</v>
      </c>
      <c r="AI57" s="20"/>
      <c r="AJ57" s="34"/>
      <c r="AK57" s="34" t="s">
        <v>42</v>
      </c>
      <c r="AL57" s="34" t="s">
        <v>42</v>
      </c>
      <c r="AM57" s="35"/>
    </row>
    <row r="58" spans="1:39" ht="41.25" customHeight="1" x14ac:dyDescent="0.25">
      <c r="A58" s="42"/>
      <c r="B58" s="19" t="s">
        <v>113</v>
      </c>
      <c r="C58" s="12"/>
      <c r="D58" s="46"/>
      <c r="E58" s="20"/>
      <c r="F58" s="34"/>
      <c r="G58" s="50"/>
      <c r="H58" s="20"/>
      <c r="I58" s="20"/>
      <c r="J58" s="20"/>
      <c r="K58" s="20"/>
      <c r="L58" s="56"/>
      <c r="M58" s="20"/>
      <c r="N58" s="34"/>
      <c r="O58" s="34"/>
      <c r="P58" s="26"/>
      <c r="Q58" s="62"/>
      <c r="R58" s="31"/>
      <c r="S58" s="21"/>
      <c r="T58" s="21"/>
      <c r="U58" s="21"/>
      <c r="V58" s="21"/>
      <c r="W58" s="62"/>
      <c r="X58" s="20"/>
      <c r="Y58" s="34"/>
      <c r="Z58" s="34"/>
      <c r="AA58" s="34"/>
      <c r="AB58" s="34"/>
      <c r="AC58" s="62"/>
      <c r="AD58" s="20"/>
      <c r="AE58" s="34"/>
      <c r="AF58" s="34"/>
      <c r="AG58" s="34"/>
      <c r="AH58" s="62" t="s">
        <v>42</v>
      </c>
      <c r="AI58" s="20"/>
      <c r="AJ58" s="34"/>
      <c r="AK58" s="34" t="s">
        <v>42</v>
      </c>
      <c r="AL58" s="34" t="s">
        <v>42</v>
      </c>
      <c r="AM58" s="35"/>
    </row>
    <row r="59" spans="1:39" ht="54" customHeight="1" x14ac:dyDescent="0.25">
      <c r="A59" s="42"/>
      <c r="B59" s="19" t="s">
        <v>114</v>
      </c>
      <c r="C59" s="12"/>
      <c r="D59" s="46"/>
      <c r="E59" s="20"/>
      <c r="F59" s="34"/>
      <c r="G59" s="50"/>
      <c r="H59" s="20"/>
      <c r="I59" s="20"/>
      <c r="J59" s="20"/>
      <c r="K59" s="20"/>
      <c r="L59" s="56"/>
      <c r="M59" s="20"/>
      <c r="N59" s="34"/>
      <c r="O59" s="34"/>
      <c r="P59" s="26"/>
      <c r="Q59" s="62"/>
      <c r="R59" s="31"/>
      <c r="S59" s="21"/>
      <c r="T59" s="21"/>
      <c r="U59" s="21"/>
      <c r="V59" s="21"/>
      <c r="W59" s="62"/>
      <c r="X59" s="20"/>
      <c r="Y59" s="34"/>
      <c r="Z59" s="34"/>
      <c r="AA59" s="34"/>
      <c r="AB59" s="34"/>
      <c r="AC59" s="62"/>
      <c r="AD59" s="20"/>
      <c r="AE59" s="34"/>
      <c r="AF59" s="34"/>
      <c r="AG59" s="34"/>
      <c r="AH59" s="62" t="s">
        <v>42</v>
      </c>
      <c r="AI59" s="20"/>
      <c r="AJ59" s="34"/>
      <c r="AK59" s="34" t="s">
        <v>42</v>
      </c>
      <c r="AL59" s="34" t="s">
        <v>42</v>
      </c>
      <c r="AM59" s="35"/>
    </row>
    <row r="60" spans="1:39" ht="39" customHeight="1" x14ac:dyDescent="0.25">
      <c r="A60" s="42"/>
      <c r="B60" s="19" t="s">
        <v>115</v>
      </c>
      <c r="C60" s="12"/>
      <c r="D60" s="46"/>
      <c r="E60" s="20"/>
      <c r="F60" s="34"/>
      <c r="G60" s="50"/>
      <c r="H60" s="20"/>
      <c r="I60" s="20"/>
      <c r="J60" s="20"/>
      <c r="K60" s="20"/>
      <c r="L60" s="56"/>
      <c r="M60" s="20"/>
      <c r="N60" s="34"/>
      <c r="O60" s="34"/>
      <c r="P60" s="26"/>
      <c r="Q60" s="62"/>
      <c r="R60" s="31"/>
      <c r="S60" s="21"/>
      <c r="T60" s="21"/>
      <c r="U60" s="21"/>
      <c r="V60" s="21"/>
      <c r="W60" s="62"/>
      <c r="X60" s="20"/>
      <c r="Y60" s="34"/>
      <c r="Z60" s="34"/>
      <c r="AA60" s="34"/>
      <c r="AB60" s="34"/>
      <c r="AC60" s="62"/>
      <c r="AD60" s="20"/>
      <c r="AE60" s="34"/>
      <c r="AF60" s="34"/>
      <c r="AG60" s="34"/>
      <c r="AH60" s="62" t="s">
        <v>42</v>
      </c>
      <c r="AI60" s="20"/>
      <c r="AJ60" s="34"/>
      <c r="AK60" s="34" t="s">
        <v>42</v>
      </c>
      <c r="AL60" s="34" t="s">
        <v>42</v>
      </c>
      <c r="AM60" s="35"/>
    </row>
    <row r="61" spans="1:39" ht="41.25" customHeight="1" x14ac:dyDescent="0.25">
      <c r="A61" s="42"/>
      <c r="B61" s="19" t="s">
        <v>116</v>
      </c>
      <c r="C61" s="12"/>
      <c r="D61" s="46"/>
      <c r="E61" s="20"/>
      <c r="F61" s="34"/>
      <c r="G61" s="50"/>
      <c r="H61" s="20"/>
      <c r="I61" s="20"/>
      <c r="J61" s="20"/>
      <c r="K61" s="20"/>
      <c r="L61" s="56"/>
      <c r="M61" s="20"/>
      <c r="N61" s="34"/>
      <c r="O61" s="34"/>
      <c r="P61" s="26"/>
      <c r="Q61" s="62"/>
      <c r="R61" s="31"/>
      <c r="S61" s="21"/>
      <c r="T61" s="21"/>
      <c r="U61" s="21"/>
      <c r="V61" s="21"/>
      <c r="W61" s="62"/>
      <c r="X61" s="20"/>
      <c r="Y61" s="34"/>
      <c r="Z61" s="34"/>
      <c r="AA61" s="34"/>
      <c r="AB61" s="34"/>
      <c r="AC61" s="62"/>
      <c r="AD61" s="20"/>
      <c r="AE61" s="34"/>
      <c r="AF61" s="34"/>
      <c r="AG61" s="34"/>
      <c r="AH61" s="62" t="s">
        <v>42</v>
      </c>
      <c r="AI61" s="20"/>
      <c r="AJ61" s="34"/>
      <c r="AK61" s="34" t="s">
        <v>42</v>
      </c>
      <c r="AL61" s="34" t="s">
        <v>42</v>
      </c>
      <c r="AM61" s="35"/>
    </row>
    <row r="62" spans="1:39" ht="39.75" customHeight="1" x14ac:dyDescent="0.25">
      <c r="A62" s="42"/>
      <c r="B62" s="19" t="s">
        <v>117</v>
      </c>
      <c r="C62" s="12"/>
      <c r="D62" s="46"/>
      <c r="E62" s="20"/>
      <c r="F62" s="34"/>
      <c r="G62" s="50"/>
      <c r="H62" s="20"/>
      <c r="I62" s="20"/>
      <c r="J62" s="20"/>
      <c r="K62" s="20"/>
      <c r="L62" s="56"/>
      <c r="M62" s="20"/>
      <c r="N62" s="34"/>
      <c r="O62" s="34"/>
      <c r="P62" s="26"/>
      <c r="Q62" s="62"/>
      <c r="R62" s="31"/>
      <c r="S62" s="21"/>
      <c r="T62" s="21"/>
      <c r="U62" s="21"/>
      <c r="V62" s="21"/>
      <c r="W62" s="62"/>
      <c r="X62" s="20"/>
      <c r="Y62" s="34"/>
      <c r="Z62" s="34"/>
      <c r="AA62" s="34"/>
      <c r="AB62" s="34"/>
      <c r="AC62" s="62"/>
      <c r="AD62" s="20"/>
      <c r="AE62" s="34"/>
      <c r="AF62" s="34"/>
      <c r="AG62" s="34"/>
      <c r="AH62" s="62" t="s">
        <v>42</v>
      </c>
      <c r="AI62" s="20"/>
      <c r="AJ62" s="34"/>
      <c r="AK62" s="34" t="s">
        <v>42</v>
      </c>
      <c r="AL62" s="34" t="s">
        <v>42</v>
      </c>
      <c r="AM62" s="35"/>
    </row>
    <row r="63" spans="1:39" ht="34.9" customHeight="1" x14ac:dyDescent="0.25">
      <c r="A63" s="42"/>
      <c r="B63" s="19" t="s">
        <v>118</v>
      </c>
      <c r="C63" s="12"/>
      <c r="D63" s="46"/>
      <c r="E63" s="20"/>
      <c r="F63" s="34"/>
      <c r="G63" s="50"/>
      <c r="H63" s="20"/>
      <c r="I63" s="20"/>
      <c r="J63" s="20"/>
      <c r="K63" s="20"/>
      <c r="L63" s="56"/>
      <c r="M63" s="20"/>
      <c r="N63" s="34"/>
      <c r="O63" s="34"/>
      <c r="P63" s="26"/>
      <c r="Q63" s="62"/>
      <c r="R63" s="31"/>
      <c r="S63" s="21"/>
      <c r="T63" s="21"/>
      <c r="U63" s="21"/>
      <c r="V63" s="21"/>
      <c r="W63" s="62"/>
      <c r="X63" s="20"/>
      <c r="Y63" s="34"/>
      <c r="Z63" s="34"/>
      <c r="AA63" s="34"/>
      <c r="AB63" s="34"/>
      <c r="AC63" s="62"/>
      <c r="AD63" s="20"/>
      <c r="AE63" s="34"/>
      <c r="AF63" s="34"/>
      <c r="AG63" s="34"/>
      <c r="AH63" s="62" t="s">
        <v>42</v>
      </c>
      <c r="AI63" s="20"/>
      <c r="AJ63" s="34"/>
      <c r="AK63" s="34" t="s">
        <v>42</v>
      </c>
      <c r="AL63" s="34" t="s">
        <v>42</v>
      </c>
      <c r="AM63" s="35"/>
    </row>
    <row r="64" spans="1:39" ht="34.9" customHeight="1" x14ac:dyDescent="0.25">
      <c r="A64" s="42"/>
      <c r="B64" s="19" t="s">
        <v>119</v>
      </c>
      <c r="C64" s="12"/>
      <c r="D64" s="46"/>
      <c r="E64" s="20"/>
      <c r="F64" s="34"/>
      <c r="G64" s="50"/>
      <c r="H64" s="20"/>
      <c r="I64" s="20"/>
      <c r="J64" s="20"/>
      <c r="K64" s="20"/>
      <c r="L64" s="56"/>
      <c r="M64" s="20"/>
      <c r="N64" s="34"/>
      <c r="O64" s="34"/>
      <c r="P64" s="26"/>
      <c r="Q64" s="62"/>
      <c r="R64" s="31"/>
      <c r="S64" s="21"/>
      <c r="T64" s="21"/>
      <c r="U64" s="21"/>
      <c r="V64" s="21"/>
      <c r="W64" s="62"/>
      <c r="X64" s="20"/>
      <c r="Y64" s="34"/>
      <c r="Z64" s="34"/>
      <c r="AA64" s="34"/>
      <c r="AB64" s="34"/>
      <c r="AC64" s="62"/>
      <c r="AD64" s="20"/>
      <c r="AE64" s="34"/>
      <c r="AF64" s="34"/>
      <c r="AG64" s="34"/>
      <c r="AH64" s="62" t="s">
        <v>42</v>
      </c>
      <c r="AI64" s="20"/>
      <c r="AJ64" s="34"/>
      <c r="AK64" s="34" t="s">
        <v>42</v>
      </c>
      <c r="AL64" s="34" t="s">
        <v>42</v>
      </c>
      <c r="AM64" s="35"/>
    </row>
    <row r="65" spans="1:39" ht="41.25" customHeight="1" x14ac:dyDescent="0.25">
      <c r="A65" s="42"/>
      <c r="B65" s="19" t="s">
        <v>120</v>
      </c>
      <c r="C65" s="12"/>
      <c r="D65" s="46"/>
      <c r="E65" s="20"/>
      <c r="F65" s="34"/>
      <c r="G65" s="50"/>
      <c r="H65" s="20"/>
      <c r="I65" s="20"/>
      <c r="J65" s="20"/>
      <c r="K65" s="20"/>
      <c r="L65" s="56"/>
      <c r="M65" s="20"/>
      <c r="N65" s="34"/>
      <c r="O65" s="34"/>
      <c r="P65" s="26"/>
      <c r="Q65" s="62"/>
      <c r="R65" s="31"/>
      <c r="S65" s="21"/>
      <c r="T65" s="21"/>
      <c r="U65" s="21"/>
      <c r="V65" s="21"/>
      <c r="W65" s="62"/>
      <c r="X65" s="20"/>
      <c r="Y65" s="34"/>
      <c r="Z65" s="34"/>
      <c r="AA65" s="34"/>
      <c r="AB65" s="34"/>
      <c r="AC65" s="62"/>
      <c r="AD65" s="20"/>
      <c r="AE65" s="34"/>
      <c r="AF65" s="34"/>
      <c r="AG65" s="34"/>
      <c r="AH65" s="62" t="s">
        <v>42</v>
      </c>
      <c r="AI65" s="20"/>
      <c r="AJ65" s="34"/>
      <c r="AK65" s="34" t="s">
        <v>42</v>
      </c>
      <c r="AL65" s="34" t="s">
        <v>42</v>
      </c>
      <c r="AM65" s="35"/>
    </row>
    <row r="66" spans="1:39" ht="42.75" customHeight="1" x14ac:dyDescent="0.25">
      <c r="A66" s="42"/>
      <c r="B66" s="19" t="s">
        <v>121</v>
      </c>
      <c r="C66" s="12"/>
      <c r="D66" s="46"/>
      <c r="E66" s="20"/>
      <c r="F66" s="34"/>
      <c r="G66" s="50"/>
      <c r="H66" s="20"/>
      <c r="I66" s="20"/>
      <c r="J66" s="20"/>
      <c r="K66" s="20"/>
      <c r="L66" s="56"/>
      <c r="M66" s="20"/>
      <c r="N66" s="34"/>
      <c r="O66" s="34"/>
      <c r="P66" s="26"/>
      <c r="Q66" s="62"/>
      <c r="R66" s="31"/>
      <c r="S66" s="21"/>
      <c r="T66" s="21"/>
      <c r="U66" s="21"/>
      <c r="V66" s="21"/>
      <c r="W66" s="62"/>
      <c r="X66" s="20"/>
      <c r="Y66" s="34"/>
      <c r="Z66" s="34"/>
      <c r="AA66" s="34"/>
      <c r="AB66" s="34"/>
      <c r="AC66" s="62"/>
      <c r="AD66" s="20"/>
      <c r="AE66" s="34"/>
      <c r="AF66" s="34"/>
      <c r="AG66" s="34"/>
      <c r="AH66" s="62" t="s">
        <v>42</v>
      </c>
      <c r="AI66" s="20"/>
      <c r="AJ66" s="34"/>
      <c r="AK66" s="34" t="s">
        <v>42</v>
      </c>
      <c r="AL66" s="34" t="s">
        <v>42</v>
      </c>
      <c r="AM66" s="35"/>
    </row>
    <row r="67" spans="1:39" ht="34.9" customHeight="1" x14ac:dyDescent="0.25">
      <c r="A67" s="42"/>
      <c r="B67" s="19" t="s">
        <v>122</v>
      </c>
      <c r="C67" s="12" t="s">
        <v>123</v>
      </c>
      <c r="D67" s="46"/>
      <c r="E67" s="20"/>
      <c r="F67" s="34"/>
      <c r="G67" s="50"/>
      <c r="H67" s="20"/>
      <c r="I67" s="20"/>
      <c r="J67" s="20"/>
      <c r="K67" s="20"/>
      <c r="L67" s="56"/>
      <c r="M67" s="20"/>
      <c r="N67" s="34"/>
      <c r="O67" s="34"/>
      <c r="P67" s="26"/>
      <c r="Q67" s="62"/>
      <c r="R67" s="31"/>
      <c r="S67" s="21"/>
      <c r="T67" s="21"/>
      <c r="U67" s="21"/>
      <c r="V67" s="21"/>
      <c r="W67" s="62"/>
      <c r="X67" s="20"/>
      <c r="Y67" s="34"/>
      <c r="Z67" s="34"/>
      <c r="AA67" s="34"/>
      <c r="AB67" s="34"/>
      <c r="AC67" s="62"/>
      <c r="AD67" s="20"/>
      <c r="AE67" s="34"/>
      <c r="AF67" s="34"/>
      <c r="AG67" s="34"/>
      <c r="AH67" s="62" t="s">
        <v>42</v>
      </c>
      <c r="AI67" s="20"/>
      <c r="AJ67" s="34"/>
      <c r="AK67" s="34" t="s">
        <v>42</v>
      </c>
      <c r="AL67" s="34" t="s">
        <v>42</v>
      </c>
      <c r="AM67" s="35"/>
    </row>
  </sheetData>
  <phoneticPr fontId="1" type="noConversion"/>
  <pageMargins left="0.7" right="0.7" top="0.75" bottom="0.75" header="0.3" footer="0.3"/>
  <pageSetup paperSize="9" fitToWidth="0" fitToHeight="0" orientation="landscape" horizontalDpi="0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34A8499-ED71-4131-BDD0-CB3E98F98466}">
  <dimension ref="A1:N87"/>
  <sheetViews>
    <sheetView topLeftCell="B61" workbookViewId="0">
      <selection activeCellId="3" sqref="A84:N87 F61:N83 A61:A83 A1:N60"/>
    </sheetView>
  </sheetViews>
  <sheetFormatPr defaultRowHeight="15" x14ac:dyDescent="0.25"/>
  <cols>
    <col min="1" max="1" width="59.28515625" bestFit="1" customWidth="1"/>
    <col min="4" max="4" width="13.28515625" customWidth="1"/>
    <col min="12" max="12" width="19.140625" bestFit="1" customWidth="1"/>
    <col min="13" max="13" width="23.28515625" bestFit="1" customWidth="1"/>
    <col min="14" max="14" width="22.42578125" bestFit="1" customWidth="1"/>
  </cols>
  <sheetData>
    <row r="1" spans="1:14" ht="45" x14ac:dyDescent="0.25">
      <c r="A1" s="65" t="s">
        <v>124</v>
      </c>
      <c r="B1" s="65" t="s">
        <v>125</v>
      </c>
      <c r="C1" s="65" t="s">
        <v>126</v>
      </c>
      <c r="D1" s="66" t="s">
        <v>0</v>
      </c>
      <c r="E1" s="66" t="s">
        <v>127</v>
      </c>
      <c r="F1" s="66" t="s">
        <v>128</v>
      </c>
      <c r="G1" s="67" t="s">
        <v>129</v>
      </c>
      <c r="H1" s="67" t="s">
        <v>130</v>
      </c>
      <c r="I1" s="67" t="s">
        <v>131</v>
      </c>
      <c r="J1" s="68" t="s">
        <v>132</v>
      </c>
      <c r="K1" s="69" t="s">
        <v>133</v>
      </c>
      <c r="L1" s="70" t="s">
        <v>134</v>
      </c>
      <c r="M1" s="70" t="s">
        <v>135</v>
      </c>
      <c r="N1" s="70" t="s">
        <v>136</v>
      </c>
    </row>
    <row r="2" spans="1:14" x14ac:dyDescent="0.25">
      <c r="A2" s="71" t="s">
        <v>137</v>
      </c>
      <c r="B2" s="71" t="s">
        <v>138</v>
      </c>
      <c r="C2" s="71" t="s">
        <v>139</v>
      </c>
      <c r="D2" s="71" t="s">
        <v>140</v>
      </c>
      <c r="E2" s="72" t="s">
        <v>141</v>
      </c>
      <c r="F2" s="72">
        <v>6.85</v>
      </c>
      <c r="G2" s="73">
        <v>44252</v>
      </c>
      <c r="H2" s="73">
        <v>44926</v>
      </c>
      <c r="I2" s="74">
        <v>45657</v>
      </c>
      <c r="J2" s="73">
        <v>46752</v>
      </c>
      <c r="K2" s="75"/>
      <c r="L2" s="76" t="s">
        <v>142</v>
      </c>
      <c r="M2" s="76" t="s">
        <v>143</v>
      </c>
      <c r="N2" s="76" t="s">
        <v>144</v>
      </c>
    </row>
    <row r="3" spans="1:14" x14ac:dyDescent="0.25">
      <c r="A3" s="71" t="s">
        <v>137</v>
      </c>
      <c r="B3" s="71" t="s">
        <v>138</v>
      </c>
      <c r="C3" s="71" t="s">
        <v>139</v>
      </c>
      <c r="D3" s="71" t="s">
        <v>140</v>
      </c>
      <c r="E3" s="72" t="s">
        <v>141</v>
      </c>
      <c r="F3" s="72">
        <v>6.85</v>
      </c>
      <c r="G3" s="73">
        <v>44252</v>
      </c>
      <c r="H3" s="73">
        <v>44926</v>
      </c>
      <c r="I3" s="74">
        <v>45657</v>
      </c>
      <c r="J3" s="71" t="s">
        <v>145</v>
      </c>
      <c r="K3" s="75"/>
      <c r="L3" s="76" t="s">
        <v>142</v>
      </c>
      <c r="M3" s="76" t="s">
        <v>143</v>
      </c>
      <c r="N3" s="76" t="s">
        <v>144</v>
      </c>
    </row>
    <row r="4" spans="1:14" x14ac:dyDescent="0.25">
      <c r="A4" s="71" t="s">
        <v>146</v>
      </c>
      <c r="B4" s="71" t="s">
        <v>147</v>
      </c>
      <c r="C4" s="71" t="s">
        <v>139</v>
      </c>
      <c r="D4" s="71" t="s">
        <v>140</v>
      </c>
      <c r="E4" s="72" t="s">
        <v>148</v>
      </c>
      <c r="F4" s="72">
        <v>5</v>
      </c>
      <c r="G4" s="73">
        <v>43466</v>
      </c>
      <c r="H4" s="73">
        <v>44197</v>
      </c>
      <c r="I4" s="73">
        <v>44926</v>
      </c>
      <c r="J4" s="77">
        <v>45291</v>
      </c>
      <c r="K4" s="78"/>
      <c r="L4" s="76" t="s">
        <v>149</v>
      </c>
      <c r="M4" s="76" t="s">
        <v>150</v>
      </c>
      <c r="N4" s="76" t="s">
        <v>151</v>
      </c>
    </row>
    <row r="5" spans="1:14" x14ac:dyDescent="0.25">
      <c r="A5" s="71" t="s">
        <v>152</v>
      </c>
      <c r="B5" s="71" t="s">
        <v>153</v>
      </c>
      <c r="C5" s="71" t="s">
        <v>139</v>
      </c>
      <c r="D5" s="71" t="s">
        <v>140</v>
      </c>
      <c r="E5" s="72" t="s">
        <v>148</v>
      </c>
      <c r="F5" s="72">
        <v>5</v>
      </c>
      <c r="G5" s="73">
        <v>43466</v>
      </c>
      <c r="H5" s="73">
        <v>44197</v>
      </c>
      <c r="I5" s="73">
        <v>44926</v>
      </c>
      <c r="J5" s="77">
        <v>45291</v>
      </c>
      <c r="K5" s="78"/>
      <c r="L5" s="76" t="s">
        <v>149</v>
      </c>
      <c r="M5" s="76" t="s">
        <v>150</v>
      </c>
      <c r="N5" s="76" t="s">
        <v>151</v>
      </c>
    </row>
    <row r="6" spans="1:14" x14ac:dyDescent="0.25">
      <c r="A6" s="71" t="s">
        <v>154</v>
      </c>
      <c r="B6" s="71" t="s">
        <v>155</v>
      </c>
      <c r="C6" s="71" t="s">
        <v>139</v>
      </c>
      <c r="D6" s="71" t="s">
        <v>140</v>
      </c>
      <c r="E6" s="72" t="s">
        <v>141</v>
      </c>
      <c r="F6" s="72">
        <v>6.58</v>
      </c>
      <c r="G6" s="73">
        <v>42891</v>
      </c>
      <c r="H6" s="73">
        <v>43647</v>
      </c>
      <c r="I6" s="73">
        <v>44378</v>
      </c>
      <c r="J6" s="77">
        <v>45291</v>
      </c>
      <c r="K6" s="78"/>
      <c r="L6" s="76" t="s">
        <v>149</v>
      </c>
      <c r="M6" s="76" t="s">
        <v>150</v>
      </c>
      <c r="N6" s="76" t="s">
        <v>151</v>
      </c>
    </row>
    <row r="7" spans="1:14" x14ac:dyDescent="0.25">
      <c r="A7" s="71" t="s">
        <v>156</v>
      </c>
      <c r="B7" s="71" t="s">
        <v>157</v>
      </c>
      <c r="C7" s="71" t="s">
        <v>139</v>
      </c>
      <c r="D7" s="71" t="s">
        <v>140</v>
      </c>
      <c r="E7" s="72" t="s">
        <v>141</v>
      </c>
      <c r="F7" s="72">
        <v>6.44</v>
      </c>
      <c r="G7" s="73">
        <v>42940</v>
      </c>
      <c r="H7" s="73">
        <v>43647</v>
      </c>
      <c r="I7" s="73">
        <v>44378</v>
      </c>
      <c r="J7" s="77">
        <v>45291</v>
      </c>
      <c r="K7" s="78"/>
      <c r="L7" s="76" t="s">
        <v>149</v>
      </c>
      <c r="M7" s="76" t="s">
        <v>150</v>
      </c>
      <c r="N7" s="76" t="s">
        <v>151</v>
      </c>
    </row>
    <row r="8" spans="1:14" x14ac:dyDescent="0.25">
      <c r="A8" s="71" t="s">
        <v>158</v>
      </c>
      <c r="B8" s="71" t="s">
        <v>159</v>
      </c>
      <c r="C8" s="71" t="s">
        <v>139</v>
      </c>
      <c r="D8" s="71" t="s">
        <v>140</v>
      </c>
      <c r="E8" s="72" t="s">
        <v>148</v>
      </c>
      <c r="F8" s="72">
        <v>5</v>
      </c>
      <c r="G8" s="73">
        <v>43466</v>
      </c>
      <c r="H8" s="73">
        <v>44197</v>
      </c>
      <c r="I8" s="73">
        <v>44926</v>
      </c>
      <c r="J8" s="77">
        <v>45291</v>
      </c>
      <c r="K8" s="78"/>
      <c r="L8" s="76" t="s">
        <v>149</v>
      </c>
      <c r="M8" s="76" t="s">
        <v>150</v>
      </c>
      <c r="N8" s="76" t="s">
        <v>151</v>
      </c>
    </row>
    <row r="9" spans="1:14" x14ac:dyDescent="0.25">
      <c r="A9" s="71" t="s">
        <v>160</v>
      </c>
      <c r="B9" s="71" t="s">
        <v>161</v>
      </c>
      <c r="C9" s="71" t="s">
        <v>139</v>
      </c>
      <c r="D9" s="71" t="s">
        <v>140</v>
      </c>
      <c r="E9" s="72" t="s">
        <v>141</v>
      </c>
      <c r="F9" s="72">
        <v>6.58</v>
      </c>
      <c r="G9" s="73">
        <v>42891</v>
      </c>
      <c r="H9" s="73">
        <v>43647</v>
      </c>
      <c r="I9" s="73">
        <v>44378</v>
      </c>
      <c r="J9" s="77">
        <v>45291</v>
      </c>
      <c r="K9" s="78"/>
      <c r="L9" s="76" t="s">
        <v>149</v>
      </c>
      <c r="M9" s="76" t="s">
        <v>150</v>
      </c>
      <c r="N9" s="76" t="s">
        <v>151</v>
      </c>
    </row>
    <row r="10" spans="1:14" x14ac:dyDescent="0.25">
      <c r="A10" s="71" t="s">
        <v>162</v>
      </c>
      <c r="B10" s="71" t="s">
        <v>163</v>
      </c>
      <c r="C10" s="71" t="s">
        <v>139</v>
      </c>
      <c r="D10" s="71" t="s">
        <v>140</v>
      </c>
      <c r="E10" s="72" t="s">
        <v>141</v>
      </c>
      <c r="F10" s="72">
        <v>7</v>
      </c>
      <c r="G10" s="73">
        <v>44197</v>
      </c>
      <c r="H10" s="73">
        <v>44926</v>
      </c>
      <c r="I10" s="74">
        <v>45657</v>
      </c>
      <c r="J10" s="73">
        <v>46752</v>
      </c>
      <c r="K10" s="75"/>
      <c r="L10" s="76" t="s">
        <v>142</v>
      </c>
      <c r="M10" s="76" t="s">
        <v>143</v>
      </c>
      <c r="N10" s="76" t="s">
        <v>144</v>
      </c>
    </row>
    <row r="11" spans="1:14" x14ac:dyDescent="0.25">
      <c r="A11" s="71" t="s">
        <v>164</v>
      </c>
      <c r="B11" s="71" t="s">
        <v>165</v>
      </c>
      <c r="C11" s="71" t="s">
        <v>139</v>
      </c>
      <c r="D11" s="71" t="s">
        <v>140</v>
      </c>
      <c r="E11" s="72" t="s">
        <v>148</v>
      </c>
      <c r="F11" s="72">
        <v>5</v>
      </c>
      <c r="G11" s="73">
        <v>43466</v>
      </c>
      <c r="H11" s="73">
        <v>44197</v>
      </c>
      <c r="I11" s="73">
        <v>44926</v>
      </c>
      <c r="J11" s="77">
        <v>45291</v>
      </c>
      <c r="K11" s="78"/>
      <c r="L11" s="76" t="s">
        <v>149</v>
      </c>
      <c r="M11" s="76" t="s">
        <v>150</v>
      </c>
      <c r="N11" s="76" t="s">
        <v>151</v>
      </c>
    </row>
    <row r="12" spans="1:14" x14ac:dyDescent="0.25">
      <c r="A12" s="71" t="s">
        <v>166</v>
      </c>
      <c r="B12" s="71" t="s">
        <v>167</v>
      </c>
      <c r="C12" s="71" t="s">
        <v>139</v>
      </c>
      <c r="D12" s="71" t="s">
        <v>140</v>
      </c>
      <c r="E12" s="72" t="s">
        <v>141</v>
      </c>
      <c r="F12" s="72">
        <v>6.58</v>
      </c>
      <c r="G12" s="73">
        <v>42891</v>
      </c>
      <c r="H12" s="73">
        <v>43647</v>
      </c>
      <c r="I12" s="73">
        <v>44378</v>
      </c>
      <c r="J12" s="77">
        <v>45291</v>
      </c>
      <c r="K12" s="78"/>
      <c r="L12" s="76" t="s">
        <v>149</v>
      </c>
      <c r="M12" s="76" t="s">
        <v>150</v>
      </c>
      <c r="N12" s="76" t="s">
        <v>151</v>
      </c>
    </row>
    <row r="13" spans="1:14" x14ac:dyDescent="0.25">
      <c r="A13" s="71" t="s">
        <v>168</v>
      </c>
      <c r="B13" s="71" t="s">
        <v>169</v>
      </c>
      <c r="C13" s="71" t="s">
        <v>139</v>
      </c>
      <c r="D13" s="71" t="s">
        <v>140</v>
      </c>
      <c r="E13" s="72" t="s">
        <v>141</v>
      </c>
      <c r="F13" s="72">
        <v>6.58</v>
      </c>
      <c r="G13" s="73">
        <v>42891</v>
      </c>
      <c r="H13" s="73">
        <v>43647</v>
      </c>
      <c r="I13" s="73">
        <v>44378</v>
      </c>
      <c r="J13" s="77">
        <v>45291</v>
      </c>
      <c r="K13" s="78"/>
      <c r="L13" s="76" t="s">
        <v>149</v>
      </c>
      <c r="M13" s="76" t="s">
        <v>170</v>
      </c>
      <c r="N13" s="76" t="s">
        <v>151</v>
      </c>
    </row>
    <row r="14" spans="1:14" x14ac:dyDescent="0.25">
      <c r="A14" s="71" t="s">
        <v>171</v>
      </c>
      <c r="B14" s="71" t="s">
        <v>172</v>
      </c>
      <c r="C14" s="71" t="s">
        <v>139</v>
      </c>
      <c r="D14" s="71" t="s">
        <v>140</v>
      </c>
      <c r="E14" s="72" t="s">
        <v>141</v>
      </c>
      <c r="F14" s="72">
        <v>7</v>
      </c>
      <c r="G14" s="73">
        <v>44927</v>
      </c>
      <c r="H14" s="73">
        <v>45658</v>
      </c>
      <c r="I14" s="73">
        <v>46388</v>
      </c>
      <c r="J14" s="73">
        <v>47483</v>
      </c>
      <c r="K14" s="78" t="s">
        <v>173</v>
      </c>
      <c r="L14" s="76" t="s">
        <v>149</v>
      </c>
      <c r="M14" s="76" t="s">
        <v>150</v>
      </c>
      <c r="N14" s="76" t="s">
        <v>151</v>
      </c>
    </row>
    <row r="15" spans="1:14" x14ac:dyDescent="0.25">
      <c r="A15" s="71" t="s">
        <v>174</v>
      </c>
      <c r="B15" s="71" t="s">
        <v>175</v>
      </c>
      <c r="C15" s="71" t="s">
        <v>139</v>
      </c>
      <c r="D15" s="71" t="s">
        <v>140</v>
      </c>
      <c r="E15" s="72" t="s">
        <v>141</v>
      </c>
      <c r="F15" s="72">
        <v>6.58</v>
      </c>
      <c r="G15" s="73">
        <v>42891</v>
      </c>
      <c r="H15" s="73">
        <v>43647</v>
      </c>
      <c r="I15" s="73">
        <v>44378</v>
      </c>
      <c r="J15" s="77">
        <v>45291</v>
      </c>
      <c r="K15" s="78"/>
      <c r="L15" s="76" t="s">
        <v>149</v>
      </c>
      <c r="M15" s="76" t="s">
        <v>170</v>
      </c>
      <c r="N15" s="76" t="s">
        <v>151</v>
      </c>
    </row>
    <row r="16" spans="1:14" x14ac:dyDescent="0.25">
      <c r="A16" s="71" t="s">
        <v>176</v>
      </c>
      <c r="B16" s="71" t="s">
        <v>177</v>
      </c>
      <c r="C16" s="71" t="s">
        <v>139</v>
      </c>
      <c r="D16" s="71" t="s">
        <v>140</v>
      </c>
      <c r="E16" s="79" t="s">
        <v>178</v>
      </c>
      <c r="F16" s="72">
        <v>6</v>
      </c>
      <c r="G16" s="73">
        <v>44197</v>
      </c>
      <c r="H16" s="73">
        <v>44926</v>
      </c>
      <c r="I16" s="74">
        <v>45657</v>
      </c>
      <c r="J16" s="73">
        <v>46387</v>
      </c>
      <c r="K16" s="75"/>
      <c r="L16" s="76" t="s">
        <v>142</v>
      </c>
      <c r="M16" s="76" t="s">
        <v>179</v>
      </c>
      <c r="N16" s="76" t="s">
        <v>144</v>
      </c>
    </row>
    <row r="17" spans="1:14" x14ac:dyDescent="0.25">
      <c r="A17" s="71" t="s">
        <v>180</v>
      </c>
      <c r="B17" s="71" t="s">
        <v>181</v>
      </c>
      <c r="C17" s="71" t="s">
        <v>139</v>
      </c>
      <c r="D17" s="71" t="s">
        <v>140</v>
      </c>
      <c r="E17" s="79" t="s">
        <v>178</v>
      </c>
      <c r="F17" s="72">
        <v>6</v>
      </c>
      <c r="G17" s="73">
        <v>44197</v>
      </c>
      <c r="H17" s="73">
        <v>44926</v>
      </c>
      <c r="I17" s="74">
        <v>45657</v>
      </c>
      <c r="J17" s="73">
        <v>46387</v>
      </c>
      <c r="K17" s="75"/>
      <c r="L17" s="76" t="s">
        <v>142</v>
      </c>
      <c r="M17" s="76" t="s">
        <v>179</v>
      </c>
      <c r="N17" s="76" t="s">
        <v>144</v>
      </c>
    </row>
    <row r="18" spans="1:14" x14ac:dyDescent="0.25">
      <c r="A18" s="71" t="s">
        <v>182</v>
      </c>
      <c r="B18" s="71" t="s">
        <v>183</v>
      </c>
      <c r="C18" s="71" t="s">
        <v>139</v>
      </c>
      <c r="D18" s="71" t="s">
        <v>140</v>
      </c>
      <c r="E18" s="79" t="s">
        <v>178</v>
      </c>
      <c r="F18" s="72">
        <v>6</v>
      </c>
      <c r="G18" s="73">
        <v>44197</v>
      </c>
      <c r="H18" s="73">
        <v>44926</v>
      </c>
      <c r="I18" s="74">
        <v>45657</v>
      </c>
      <c r="J18" s="73">
        <v>46387</v>
      </c>
      <c r="K18" s="75"/>
      <c r="L18" s="76" t="s">
        <v>142</v>
      </c>
      <c r="M18" s="76" t="s">
        <v>179</v>
      </c>
      <c r="N18" s="76" t="s">
        <v>144</v>
      </c>
    </row>
    <row r="19" spans="1:14" x14ac:dyDescent="0.25">
      <c r="A19" s="71" t="s">
        <v>184</v>
      </c>
      <c r="B19" s="71" t="s">
        <v>185</v>
      </c>
      <c r="C19" s="71" t="s">
        <v>139</v>
      </c>
      <c r="D19" s="71" t="s">
        <v>140</v>
      </c>
      <c r="E19" s="79" t="s">
        <v>178</v>
      </c>
      <c r="F19" s="72">
        <v>6</v>
      </c>
      <c r="G19" s="73">
        <v>44197</v>
      </c>
      <c r="H19" s="73">
        <v>44926</v>
      </c>
      <c r="I19" s="74">
        <v>45657</v>
      </c>
      <c r="J19" s="73">
        <v>46387</v>
      </c>
      <c r="K19" s="75"/>
      <c r="L19" s="76" t="s">
        <v>142</v>
      </c>
      <c r="M19" s="76" t="s">
        <v>179</v>
      </c>
      <c r="N19" s="76" t="s">
        <v>144</v>
      </c>
    </row>
    <row r="20" spans="1:14" x14ac:dyDescent="0.25">
      <c r="A20" s="71" t="s">
        <v>186</v>
      </c>
      <c r="B20" s="71" t="s">
        <v>187</v>
      </c>
      <c r="C20" s="71" t="s">
        <v>139</v>
      </c>
      <c r="D20" s="71" t="s">
        <v>140</v>
      </c>
      <c r="E20" s="79" t="s">
        <v>178</v>
      </c>
      <c r="F20" s="72">
        <v>6</v>
      </c>
      <c r="G20" s="73">
        <v>44197</v>
      </c>
      <c r="H20" s="73">
        <v>44926</v>
      </c>
      <c r="I20" s="74">
        <v>45657</v>
      </c>
      <c r="J20" s="73">
        <v>46387</v>
      </c>
      <c r="K20" s="75"/>
      <c r="L20" s="76" t="s">
        <v>142</v>
      </c>
      <c r="M20" s="76" t="s">
        <v>179</v>
      </c>
      <c r="N20" s="76" t="s">
        <v>144</v>
      </c>
    </row>
    <row r="21" spans="1:14" x14ac:dyDescent="0.25">
      <c r="A21" s="71" t="s">
        <v>188</v>
      </c>
      <c r="B21" s="71" t="s">
        <v>189</v>
      </c>
      <c r="C21" s="71" t="s">
        <v>139</v>
      </c>
      <c r="D21" s="71" t="s">
        <v>140</v>
      </c>
      <c r="E21" s="72" t="s">
        <v>148</v>
      </c>
      <c r="F21" s="72">
        <v>5</v>
      </c>
      <c r="G21" s="73">
        <v>43466</v>
      </c>
      <c r="H21" s="73">
        <v>44197</v>
      </c>
      <c r="I21" s="73">
        <v>44926</v>
      </c>
      <c r="J21" s="77">
        <v>45291</v>
      </c>
      <c r="K21" s="78"/>
      <c r="L21" s="76" t="s">
        <v>149</v>
      </c>
      <c r="M21" s="76" t="s">
        <v>179</v>
      </c>
      <c r="N21" s="76" t="s">
        <v>151</v>
      </c>
    </row>
    <row r="22" spans="1:14" x14ac:dyDescent="0.25">
      <c r="A22" s="71" t="s">
        <v>190</v>
      </c>
      <c r="B22" s="71" t="s">
        <v>191</v>
      </c>
      <c r="C22" s="71" t="s">
        <v>139</v>
      </c>
      <c r="D22" s="71" t="s">
        <v>140</v>
      </c>
      <c r="E22" s="72" t="s">
        <v>148</v>
      </c>
      <c r="F22" s="72">
        <v>5</v>
      </c>
      <c r="G22" s="73">
        <v>43466</v>
      </c>
      <c r="H22" s="73">
        <v>44197</v>
      </c>
      <c r="I22" s="73">
        <v>44926</v>
      </c>
      <c r="J22" s="77">
        <v>45291</v>
      </c>
      <c r="K22" s="78"/>
      <c r="L22" s="76" t="s">
        <v>149</v>
      </c>
      <c r="M22" s="76" t="s">
        <v>192</v>
      </c>
      <c r="N22" s="76" t="s">
        <v>151</v>
      </c>
    </row>
    <row r="23" spans="1:14" x14ac:dyDescent="0.25">
      <c r="A23" s="71" t="s">
        <v>193</v>
      </c>
      <c r="B23" s="71" t="s">
        <v>194</v>
      </c>
      <c r="C23" s="71" t="s">
        <v>139</v>
      </c>
      <c r="D23" s="71" t="s">
        <v>140</v>
      </c>
      <c r="E23" s="72" t="s">
        <v>148</v>
      </c>
      <c r="F23" s="72">
        <v>5</v>
      </c>
      <c r="G23" s="73">
        <v>43466</v>
      </c>
      <c r="H23" s="73">
        <v>44197</v>
      </c>
      <c r="I23" s="73">
        <v>44926</v>
      </c>
      <c r="J23" s="77">
        <v>45291</v>
      </c>
      <c r="K23" s="78"/>
      <c r="L23" s="76" t="s">
        <v>149</v>
      </c>
      <c r="M23" s="76" t="s">
        <v>192</v>
      </c>
      <c r="N23" s="76" t="s">
        <v>151</v>
      </c>
    </row>
    <row r="24" spans="1:14" x14ac:dyDescent="0.25">
      <c r="A24" s="71" t="s">
        <v>195</v>
      </c>
      <c r="B24" s="71" t="s">
        <v>196</v>
      </c>
      <c r="C24" s="71" t="s">
        <v>139</v>
      </c>
      <c r="D24" s="71" t="s">
        <v>140</v>
      </c>
      <c r="E24" s="72" t="s">
        <v>148</v>
      </c>
      <c r="F24" s="72">
        <v>5</v>
      </c>
      <c r="G24" s="73">
        <v>43466</v>
      </c>
      <c r="H24" s="73">
        <v>44197</v>
      </c>
      <c r="I24" s="73">
        <v>44926</v>
      </c>
      <c r="J24" s="77">
        <v>45291</v>
      </c>
      <c r="K24" s="78"/>
      <c r="L24" s="76" t="s">
        <v>149</v>
      </c>
      <c r="M24" s="76" t="s">
        <v>192</v>
      </c>
      <c r="N24" s="76" t="s">
        <v>151</v>
      </c>
    </row>
    <row r="25" spans="1:14" x14ac:dyDescent="0.25">
      <c r="A25" s="71" t="s">
        <v>197</v>
      </c>
      <c r="B25" s="71" t="s">
        <v>198</v>
      </c>
      <c r="C25" s="71" t="s">
        <v>139</v>
      </c>
      <c r="D25" s="71" t="s">
        <v>140</v>
      </c>
      <c r="E25" s="72" t="s">
        <v>178</v>
      </c>
      <c r="F25" s="72">
        <v>6</v>
      </c>
      <c r="G25" s="73">
        <v>44197</v>
      </c>
      <c r="H25" s="73">
        <v>44926</v>
      </c>
      <c r="I25" s="74">
        <v>45657</v>
      </c>
      <c r="J25" s="73">
        <v>46387</v>
      </c>
      <c r="K25" s="75" t="s">
        <v>199</v>
      </c>
      <c r="L25" s="76" t="s">
        <v>200</v>
      </c>
      <c r="M25" s="76" t="s">
        <v>201</v>
      </c>
      <c r="N25" s="76" t="s">
        <v>144</v>
      </c>
    </row>
    <row r="26" spans="1:14" x14ac:dyDescent="0.25">
      <c r="A26" s="71" t="s">
        <v>202</v>
      </c>
      <c r="B26" s="71" t="s">
        <v>203</v>
      </c>
      <c r="C26" s="71" t="s">
        <v>139</v>
      </c>
      <c r="D26" s="71" t="s">
        <v>140</v>
      </c>
      <c r="E26" s="72" t="s">
        <v>178</v>
      </c>
      <c r="F26" s="72">
        <v>6</v>
      </c>
      <c r="G26" s="73">
        <v>44197</v>
      </c>
      <c r="H26" s="73">
        <v>44926</v>
      </c>
      <c r="I26" s="74">
        <v>45657</v>
      </c>
      <c r="J26" s="73">
        <v>46387</v>
      </c>
      <c r="K26" s="75" t="s">
        <v>199</v>
      </c>
      <c r="L26" s="76" t="s">
        <v>200</v>
      </c>
      <c r="M26" s="76" t="s">
        <v>201</v>
      </c>
      <c r="N26" s="76" t="s">
        <v>144</v>
      </c>
    </row>
    <row r="27" spans="1:14" x14ac:dyDescent="0.25">
      <c r="A27" s="71" t="s">
        <v>204</v>
      </c>
      <c r="B27" s="71" t="s">
        <v>205</v>
      </c>
      <c r="C27" s="71" t="s">
        <v>139</v>
      </c>
      <c r="D27" s="71" t="s">
        <v>140</v>
      </c>
      <c r="E27" s="72" t="s">
        <v>178</v>
      </c>
      <c r="F27" s="72">
        <v>6</v>
      </c>
      <c r="G27" s="73">
        <v>44197</v>
      </c>
      <c r="H27" s="73">
        <v>44926</v>
      </c>
      <c r="I27" s="74">
        <v>45657</v>
      </c>
      <c r="J27" s="73">
        <v>46387</v>
      </c>
      <c r="K27" s="75" t="s">
        <v>199</v>
      </c>
      <c r="L27" s="76" t="s">
        <v>200</v>
      </c>
      <c r="M27" s="76" t="s">
        <v>201</v>
      </c>
      <c r="N27" s="76" t="s">
        <v>144</v>
      </c>
    </row>
    <row r="28" spans="1:14" x14ac:dyDescent="0.25">
      <c r="A28" s="71" t="s">
        <v>206</v>
      </c>
      <c r="B28" s="71" t="s">
        <v>207</v>
      </c>
      <c r="C28" s="71" t="s">
        <v>139</v>
      </c>
      <c r="D28" s="71" t="s">
        <v>140</v>
      </c>
      <c r="E28" s="72" t="s">
        <v>141</v>
      </c>
      <c r="F28" s="72">
        <v>6.93</v>
      </c>
      <c r="G28" s="73">
        <v>44769</v>
      </c>
      <c r="H28" s="74">
        <v>45298</v>
      </c>
      <c r="I28" s="73">
        <v>46029</v>
      </c>
      <c r="J28" s="73">
        <v>47299</v>
      </c>
      <c r="K28" s="78" t="s">
        <v>208</v>
      </c>
      <c r="L28" s="76" t="s">
        <v>200</v>
      </c>
      <c r="M28" s="76" t="s">
        <v>192</v>
      </c>
      <c r="N28" s="76" t="s">
        <v>151</v>
      </c>
    </row>
    <row r="29" spans="1:14" x14ac:dyDescent="0.25">
      <c r="A29" s="71" t="s">
        <v>209</v>
      </c>
      <c r="B29" s="71" t="s">
        <v>210</v>
      </c>
      <c r="C29" s="71" t="s">
        <v>139</v>
      </c>
      <c r="D29" s="71" t="s">
        <v>140</v>
      </c>
      <c r="E29" s="72" t="s">
        <v>141</v>
      </c>
      <c r="F29" s="72">
        <v>6.93</v>
      </c>
      <c r="G29" s="73">
        <v>44769</v>
      </c>
      <c r="H29" s="74">
        <v>45298</v>
      </c>
      <c r="I29" s="73">
        <v>46029</v>
      </c>
      <c r="J29" s="73">
        <v>47299</v>
      </c>
      <c r="K29" s="78" t="s">
        <v>208</v>
      </c>
      <c r="L29" s="76" t="s">
        <v>200</v>
      </c>
      <c r="M29" s="76" t="s">
        <v>192</v>
      </c>
      <c r="N29" s="76" t="s">
        <v>151</v>
      </c>
    </row>
    <row r="30" spans="1:14" x14ac:dyDescent="0.25">
      <c r="A30" s="71" t="s">
        <v>209</v>
      </c>
      <c r="B30" s="71" t="s">
        <v>210</v>
      </c>
      <c r="C30" s="71" t="s">
        <v>139</v>
      </c>
      <c r="D30" s="71" t="s">
        <v>140</v>
      </c>
      <c r="E30" s="72" t="s">
        <v>141</v>
      </c>
      <c r="F30" s="72">
        <v>6.93</v>
      </c>
      <c r="G30" s="73">
        <v>44769</v>
      </c>
      <c r="H30" s="74">
        <v>45298</v>
      </c>
      <c r="I30" s="73">
        <v>46029</v>
      </c>
      <c r="J30" s="73">
        <v>47299</v>
      </c>
      <c r="K30" s="78" t="s">
        <v>208</v>
      </c>
      <c r="L30" s="76" t="s">
        <v>200</v>
      </c>
      <c r="M30" s="76" t="s">
        <v>192</v>
      </c>
      <c r="N30" s="76" t="s">
        <v>151</v>
      </c>
    </row>
    <row r="31" spans="1:14" x14ac:dyDescent="0.25">
      <c r="A31" s="71" t="s">
        <v>211</v>
      </c>
      <c r="B31" s="71" t="s">
        <v>212</v>
      </c>
      <c r="C31" s="71" t="s">
        <v>139</v>
      </c>
      <c r="D31" s="71" t="s">
        <v>140</v>
      </c>
      <c r="E31" s="72" t="s">
        <v>141</v>
      </c>
      <c r="F31" s="72">
        <v>6.56</v>
      </c>
      <c r="G31" s="73">
        <v>44356</v>
      </c>
      <c r="H31" s="73">
        <v>44926</v>
      </c>
      <c r="I31" s="74">
        <v>45657</v>
      </c>
      <c r="J31" s="73">
        <v>46752</v>
      </c>
      <c r="K31" s="75"/>
      <c r="L31" s="76" t="s">
        <v>142</v>
      </c>
      <c r="M31" s="76" t="s">
        <v>213</v>
      </c>
      <c r="N31" s="76" t="s">
        <v>144</v>
      </c>
    </row>
    <row r="32" spans="1:14" x14ac:dyDescent="0.25">
      <c r="A32" s="71" t="s">
        <v>214</v>
      </c>
      <c r="B32" s="71" t="s">
        <v>215</v>
      </c>
      <c r="C32" s="71" t="s">
        <v>139</v>
      </c>
      <c r="D32" s="71" t="s">
        <v>140</v>
      </c>
      <c r="E32" s="72" t="s">
        <v>141</v>
      </c>
      <c r="F32" s="72">
        <v>7</v>
      </c>
      <c r="G32" s="73">
        <v>44562</v>
      </c>
      <c r="H32" s="77">
        <v>45291</v>
      </c>
      <c r="I32" s="73">
        <v>46022</v>
      </c>
      <c r="J32" s="73">
        <v>47118</v>
      </c>
      <c r="K32" s="75"/>
      <c r="L32" s="76" t="s">
        <v>200</v>
      </c>
      <c r="M32" s="76" t="s">
        <v>179</v>
      </c>
      <c r="N32" s="76" t="s">
        <v>151</v>
      </c>
    </row>
    <row r="33" spans="1:14" x14ac:dyDescent="0.25">
      <c r="A33" s="71" t="s">
        <v>216</v>
      </c>
      <c r="B33" s="71" t="s">
        <v>217</v>
      </c>
      <c r="C33" s="71" t="s">
        <v>139</v>
      </c>
      <c r="D33" s="71" t="s">
        <v>140</v>
      </c>
      <c r="E33" s="72" t="s">
        <v>141</v>
      </c>
      <c r="F33" s="72">
        <v>6.6</v>
      </c>
      <c r="G33" s="73">
        <v>44525</v>
      </c>
      <c r="H33" s="73">
        <v>45107</v>
      </c>
      <c r="I33" s="73">
        <v>45838</v>
      </c>
      <c r="J33" s="73">
        <v>46934</v>
      </c>
      <c r="K33" s="75"/>
      <c r="L33" s="76" t="s">
        <v>200</v>
      </c>
      <c r="M33" s="76" t="s">
        <v>170</v>
      </c>
      <c r="N33" s="76" t="s">
        <v>218</v>
      </c>
    </row>
    <row r="34" spans="1:14" x14ac:dyDescent="0.25">
      <c r="A34" s="71" t="s">
        <v>219</v>
      </c>
      <c r="B34" s="71" t="s">
        <v>220</v>
      </c>
      <c r="C34" s="71" t="s">
        <v>139</v>
      </c>
      <c r="D34" s="71" t="s">
        <v>140</v>
      </c>
      <c r="E34" s="72" t="s">
        <v>148</v>
      </c>
      <c r="F34" s="72">
        <v>5</v>
      </c>
      <c r="G34" s="73">
        <v>44197</v>
      </c>
      <c r="H34" s="73">
        <v>44926</v>
      </c>
      <c r="I34" s="74">
        <v>45657</v>
      </c>
      <c r="J34" s="73">
        <v>46022</v>
      </c>
      <c r="K34" s="75"/>
      <c r="L34" s="76" t="s">
        <v>142</v>
      </c>
      <c r="M34" s="76" t="s">
        <v>143</v>
      </c>
      <c r="N34" s="76" t="s">
        <v>144</v>
      </c>
    </row>
    <row r="35" spans="1:14" x14ac:dyDescent="0.25">
      <c r="A35" s="71" t="s">
        <v>219</v>
      </c>
      <c r="B35" s="71" t="s">
        <v>220</v>
      </c>
      <c r="C35" s="71" t="s">
        <v>139</v>
      </c>
      <c r="D35" s="71" t="s">
        <v>140</v>
      </c>
      <c r="E35" s="72" t="s">
        <v>148</v>
      </c>
      <c r="F35" s="72">
        <v>5</v>
      </c>
      <c r="G35" s="73">
        <v>44197</v>
      </c>
      <c r="H35" s="73">
        <v>44926</v>
      </c>
      <c r="I35" s="74">
        <v>45657</v>
      </c>
      <c r="J35" s="73">
        <v>46022</v>
      </c>
      <c r="K35" s="75"/>
      <c r="L35" s="76" t="s">
        <v>142</v>
      </c>
      <c r="M35" s="76" t="s">
        <v>143</v>
      </c>
      <c r="N35" s="76" t="s">
        <v>144</v>
      </c>
    </row>
    <row r="36" spans="1:14" x14ac:dyDescent="0.25">
      <c r="A36" s="71" t="s">
        <v>221</v>
      </c>
      <c r="B36" s="71" t="s">
        <v>222</v>
      </c>
      <c r="C36" s="71" t="s">
        <v>139</v>
      </c>
      <c r="D36" s="71" t="s">
        <v>140</v>
      </c>
      <c r="E36" s="72" t="s">
        <v>141</v>
      </c>
      <c r="F36" s="72">
        <v>6.74</v>
      </c>
      <c r="G36" s="73">
        <v>44657</v>
      </c>
      <c r="H36" s="77">
        <v>45291</v>
      </c>
      <c r="I36" s="73">
        <v>46022</v>
      </c>
      <c r="J36" s="73">
        <v>47118</v>
      </c>
      <c r="K36" s="75"/>
      <c r="L36" s="76" t="s">
        <v>200</v>
      </c>
      <c r="M36" s="76" t="s">
        <v>170</v>
      </c>
      <c r="N36" s="76" t="s">
        <v>151</v>
      </c>
    </row>
    <row r="37" spans="1:14" x14ac:dyDescent="0.25">
      <c r="A37" s="71" t="s">
        <v>221</v>
      </c>
      <c r="B37" s="71" t="s">
        <v>222</v>
      </c>
      <c r="C37" s="71" t="s">
        <v>139</v>
      </c>
      <c r="D37" s="71" t="s">
        <v>140</v>
      </c>
      <c r="E37" s="72" t="s">
        <v>141</v>
      </c>
      <c r="F37" s="72">
        <v>6.74</v>
      </c>
      <c r="G37" s="73">
        <v>44657</v>
      </c>
      <c r="H37" s="77">
        <v>45291</v>
      </c>
      <c r="I37" s="73">
        <v>46022</v>
      </c>
      <c r="J37" s="73">
        <v>47118</v>
      </c>
      <c r="K37" s="75"/>
      <c r="L37" s="76" t="s">
        <v>200</v>
      </c>
      <c r="M37" s="76" t="s">
        <v>170</v>
      </c>
      <c r="N37" s="76" t="s">
        <v>151</v>
      </c>
    </row>
    <row r="38" spans="1:14" x14ac:dyDescent="0.25">
      <c r="A38" s="71" t="s">
        <v>223</v>
      </c>
      <c r="B38" s="71" t="s">
        <v>224</v>
      </c>
      <c r="C38" s="71" t="s">
        <v>139</v>
      </c>
      <c r="D38" s="71" t="s">
        <v>140</v>
      </c>
      <c r="E38" s="72" t="s">
        <v>141</v>
      </c>
      <c r="F38" s="72">
        <v>6.74</v>
      </c>
      <c r="G38" s="73">
        <v>44657</v>
      </c>
      <c r="H38" s="77">
        <v>45291</v>
      </c>
      <c r="I38" s="73">
        <v>46022</v>
      </c>
      <c r="J38" s="73">
        <v>47118</v>
      </c>
      <c r="K38" s="75"/>
      <c r="L38" s="76" t="s">
        <v>200</v>
      </c>
      <c r="M38" s="76" t="s">
        <v>170</v>
      </c>
      <c r="N38" s="76" t="s">
        <v>151</v>
      </c>
    </row>
    <row r="39" spans="1:14" x14ac:dyDescent="0.25">
      <c r="A39" s="71" t="s">
        <v>225</v>
      </c>
      <c r="B39" s="71" t="s">
        <v>226</v>
      </c>
      <c r="C39" s="71" t="s">
        <v>139</v>
      </c>
      <c r="D39" s="71" t="s">
        <v>140</v>
      </c>
      <c r="E39" s="72" t="s">
        <v>141</v>
      </c>
      <c r="F39" s="72">
        <v>6.74</v>
      </c>
      <c r="G39" s="73">
        <v>44657</v>
      </c>
      <c r="H39" s="77">
        <v>45291</v>
      </c>
      <c r="I39" s="73">
        <v>46022</v>
      </c>
      <c r="J39" s="73">
        <v>47118</v>
      </c>
      <c r="K39" s="75"/>
      <c r="L39" s="76" t="s">
        <v>200</v>
      </c>
      <c r="M39" s="76" t="s">
        <v>170</v>
      </c>
      <c r="N39" s="76" t="s">
        <v>151</v>
      </c>
    </row>
    <row r="40" spans="1:14" x14ac:dyDescent="0.25">
      <c r="A40" s="71" t="s">
        <v>225</v>
      </c>
      <c r="B40" s="71" t="s">
        <v>226</v>
      </c>
      <c r="C40" s="71" t="s">
        <v>139</v>
      </c>
      <c r="D40" s="71" t="s">
        <v>140</v>
      </c>
      <c r="E40" s="72" t="s">
        <v>141</v>
      </c>
      <c r="F40" s="72">
        <v>6.74</v>
      </c>
      <c r="G40" s="73">
        <v>44657</v>
      </c>
      <c r="H40" s="77">
        <v>45291</v>
      </c>
      <c r="I40" s="73">
        <v>46022</v>
      </c>
      <c r="J40" s="73">
        <v>47118</v>
      </c>
      <c r="K40" s="75"/>
      <c r="L40" s="76" t="s">
        <v>200</v>
      </c>
      <c r="M40" s="76" t="s">
        <v>170</v>
      </c>
      <c r="N40" s="76" t="s">
        <v>151</v>
      </c>
    </row>
    <row r="41" spans="1:14" x14ac:dyDescent="0.25">
      <c r="A41" s="71" t="s">
        <v>227</v>
      </c>
      <c r="B41" s="71" t="s">
        <v>228</v>
      </c>
      <c r="C41" s="71" t="s">
        <v>139</v>
      </c>
      <c r="D41" s="71" t="s">
        <v>140</v>
      </c>
      <c r="E41" s="72" t="s">
        <v>141</v>
      </c>
      <c r="F41" s="72">
        <v>6.74</v>
      </c>
      <c r="G41" s="73">
        <v>44657</v>
      </c>
      <c r="H41" s="77">
        <v>45291</v>
      </c>
      <c r="I41" s="73">
        <v>46022</v>
      </c>
      <c r="J41" s="73">
        <v>47118</v>
      </c>
      <c r="K41" s="75"/>
      <c r="L41" s="76" t="s">
        <v>200</v>
      </c>
      <c r="M41" s="76" t="s">
        <v>170</v>
      </c>
      <c r="N41" s="76" t="s">
        <v>151</v>
      </c>
    </row>
    <row r="42" spans="1:14" x14ac:dyDescent="0.25">
      <c r="A42" s="71" t="s">
        <v>229</v>
      </c>
      <c r="B42" s="71" t="s">
        <v>230</v>
      </c>
      <c r="C42" s="71" t="s">
        <v>139</v>
      </c>
      <c r="D42" s="71" t="s">
        <v>140</v>
      </c>
      <c r="E42" s="72" t="s">
        <v>148</v>
      </c>
      <c r="F42" s="72">
        <v>5</v>
      </c>
      <c r="G42" s="73">
        <v>43466</v>
      </c>
      <c r="H42" s="73">
        <v>44197</v>
      </c>
      <c r="I42" s="73">
        <v>44926</v>
      </c>
      <c r="J42" s="77">
        <v>45291</v>
      </c>
      <c r="K42" s="78"/>
      <c r="L42" s="76" t="s">
        <v>149</v>
      </c>
      <c r="M42" s="76" t="s">
        <v>192</v>
      </c>
      <c r="N42" s="76" t="s">
        <v>151</v>
      </c>
    </row>
    <row r="43" spans="1:14" x14ac:dyDescent="0.25">
      <c r="A43" s="71" t="s">
        <v>231</v>
      </c>
      <c r="B43" s="71" t="s">
        <v>232</v>
      </c>
      <c r="C43" s="71" t="s">
        <v>139</v>
      </c>
      <c r="D43" s="71" t="s">
        <v>140</v>
      </c>
      <c r="E43" s="72" t="s">
        <v>141</v>
      </c>
      <c r="F43" s="72">
        <v>6.07</v>
      </c>
      <c r="G43" s="73">
        <v>43621</v>
      </c>
      <c r="H43" s="73">
        <v>44378</v>
      </c>
      <c r="I43" s="77">
        <v>45108</v>
      </c>
      <c r="J43" s="73">
        <v>45838</v>
      </c>
      <c r="K43" s="75"/>
      <c r="L43" s="76" t="s">
        <v>142</v>
      </c>
      <c r="M43" s="76" t="s">
        <v>233</v>
      </c>
      <c r="N43" s="76" t="s">
        <v>234</v>
      </c>
    </row>
    <row r="44" spans="1:14" x14ac:dyDescent="0.25">
      <c r="A44" s="71" t="s">
        <v>235</v>
      </c>
      <c r="B44" s="71" t="s">
        <v>236</v>
      </c>
      <c r="C44" s="71" t="s">
        <v>139</v>
      </c>
      <c r="D44" s="71" t="s">
        <v>140</v>
      </c>
      <c r="E44" s="72" t="s">
        <v>141</v>
      </c>
      <c r="F44" s="72">
        <v>6.6</v>
      </c>
      <c r="G44" s="73">
        <v>44525</v>
      </c>
      <c r="H44" s="73">
        <v>45107</v>
      </c>
      <c r="I44" s="73">
        <v>45838</v>
      </c>
      <c r="J44" s="73">
        <v>46934</v>
      </c>
      <c r="K44" s="75"/>
      <c r="L44" s="76" t="s">
        <v>200</v>
      </c>
      <c r="M44" s="76" t="s">
        <v>170</v>
      </c>
      <c r="N44" s="76" t="s">
        <v>218</v>
      </c>
    </row>
    <row r="45" spans="1:14" x14ac:dyDescent="0.25">
      <c r="A45" s="71" t="s">
        <v>237</v>
      </c>
      <c r="B45" s="71" t="s">
        <v>238</v>
      </c>
      <c r="C45" s="71" t="s">
        <v>139</v>
      </c>
      <c r="D45" s="71" t="s">
        <v>140</v>
      </c>
      <c r="E45" s="72" t="s">
        <v>148</v>
      </c>
      <c r="F45" s="72">
        <v>5</v>
      </c>
      <c r="G45" s="73">
        <v>44197</v>
      </c>
      <c r="H45" s="73">
        <v>44926</v>
      </c>
      <c r="I45" s="74">
        <v>45657</v>
      </c>
      <c r="J45" s="73">
        <v>46022</v>
      </c>
      <c r="K45" s="75"/>
      <c r="L45" s="76" t="s">
        <v>142</v>
      </c>
      <c r="M45" s="76" t="s">
        <v>143</v>
      </c>
      <c r="N45" s="76" t="s">
        <v>144</v>
      </c>
    </row>
    <row r="46" spans="1:14" x14ac:dyDescent="0.25">
      <c r="A46" s="71" t="s">
        <v>237</v>
      </c>
      <c r="B46" s="71" t="s">
        <v>238</v>
      </c>
      <c r="C46" s="71" t="s">
        <v>139</v>
      </c>
      <c r="D46" s="71" t="s">
        <v>140</v>
      </c>
      <c r="E46" s="72" t="s">
        <v>148</v>
      </c>
      <c r="F46" s="72">
        <v>5</v>
      </c>
      <c r="G46" s="73">
        <v>44197</v>
      </c>
      <c r="H46" s="73">
        <v>44926</v>
      </c>
      <c r="I46" s="74">
        <v>45657</v>
      </c>
      <c r="J46" s="73">
        <v>46022</v>
      </c>
      <c r="K46" s="75"/>
      <c r="L46" s="76" t="s">
        <v>142</v>
      </c>
      <c r="M46" s="76" t="s">
        <v>143</v>
      </c>
      <c r="N46" s="76" t="s">
        <v>144</v>
      </c>
    </row>
    <row r="47" spans="1:14" x14ac:dyDescent="0.25">
      <c r="A47" s="71" t="s">
        <v>239</v>
      </c>
      <c r="B47" s="71" t="s">
        <v>240</v>
      </c>
      <c r="C47" s="71" t="s">
        <v>139</v>
      </c>
      <c r="D47" s="71" t="s">
        <v>140</v>
      </c>
      <c r="E47" s="72" t="s">
        <v>141</v>
      </c>
      <c r="F47" s="72">
        <v>6.74</v>
      </c>
      <c r="G47" s="73">
        <v>44657</v>
      </c>
      <c r="H47" s="77">
        <v>45291</v>
      </c>
      <c r="I47" s="73">
        <v>46022</v>
      </c>
      <c r="J47" s="73">
        <v>47118</v>
      </c>
      <c r="K47" s="75"/>
      <c r="L47" s="76" t="s">
        <v>200</v>
      </c>
      <c r="M47" s="76" t="s">
        <v>170</v>
      </c>
      <c r="N47" s="76" t="s">
        <v>151</v>
      </c>
    </row>
    <row r="48" spans="1:14" x14ac:dyDescent="0.25">
      <c r="A48" s="71" t="s">
        <v>239</v>
      </c>
      <c r="B48" s="71" t="s">
        <v>240</v>
      </c>
      <c r="C48" s="71" t="s">
        <v>139</v>
      </c>
      <c r="D48" s="71" t="s">
        <v>140</v>
      </c>
      <c r="E48" s="72" t="s">
        <v>141</v>
      </c>
      <c r="F48" s="72">
        <v>6.74</v>
      </c>
      <c r="G48" s="73">
        <v>44657</v>
      </c>
      <c r="H48" s="77">
        <v>45291</v>
      </c>
      <c r="I48" s="73">
        <v>46022</v>
      </c>
      <c r="J48" s="73">
        <v>47118</v>
      </c>
      <c r="K48" s="75"/>
      <c r="L48" s="76" t="s">
        <v>200</v>
      </c>
      <c r="M48" s="76" t="s">
        <v>170</v>
      </c>
      <c r="N48" s="76" t="s">
        <v>151</v>
      </c>
    </row>
    <row r="49" spans="1:14" x14ac:dyDescent="0.25">
      <c r="A49" s="71" t="s">
        <v>241</v>
      </c>
      <c r="B49" s="71" t="s">
        <v>242</v>
      </c>
      <c r="C49" s="71" t="s">
        <v>139</v>
      </c>
      <c r="D49" s="71" t="s">
        <v>140</v>
      </c>
      <c r="E49" s="72" t="s">
        <v>141</v>
      </c>
      <c r="F49" s="72">
        <v>6.07</v>
      </c>
      <c r="G49" s="73">
        <v>43621</v>
      </c>
      <c r="H49" s="73">
        <v>44378</v>
      </c>
      <c r="I49" s="77">
        <v>45108</v>
      </c>
      <c r="J49" s="73">
        <v>45838</v>
      </c>
      <c r="K49" s="75"/>
      <c r="L49" s="76" t="s">
        <v>142</v>
      </c>
      <c r="M49" s="76" t="s">
        <v>243</v>
      </c>
      <c r="N49" s="76" t="s">
        <v>234</v>
      </c>
    </row>
    <row r="50" spans="1:14" x14ac:dyDescent="0.25">
      <c r="A50" s="71" t="s">
        <v>244</v>
      </c>
      <c r="B50" s="71" t="s">
        <v>245</v>
      </c>
      <c r="C50" s="71" t="s">
        <v>139</v>
      </c>
      <c r="D50" s="71" t="s">
        <v>140</v>
      </c>
      <c r="E50" s="72" t="s">
        <v>141</v>
      </c>
      <c r="F50" s="72">
        <v>6.92</v>
      </c>
      <c r="G50" s="73">
        <v>44594</v>
      </c>
      <c r="H50" s="77">
        <v>45291</v>
      </c>
      <c r="I50" s="73">
        <v>46022</v>
      </c>
      <c r="J50" s="73">
        <v>47118</v>
      </c>
      <c r="K50" s="75"/>
      <c r="L50" s="76" t="s">
        <v>200</v>
      </c>
      <c r="M50" s="76" t="s">
        <v>150</v>
      </c>
      <c r="N50" s="76" t="s">
        <v>151</v>
      </c>
    </row>
    <row r="51" spans="1:14" x14ac:dyDescent="0.25">
      <c r="A51" s="71" t="s">
        <v>246</v>
      </c>
      <c r="B51" s="71" t="s">
        <v>247</v>
      </c>
      <c r="C51" s="71" t="s">
        <v>139</v>
      </c>
      <c r="D51" s="71" t="s">
        <v>140</v>
      </c>
      <c r="E51" s="72" t="s">
        <v>141</v>
      </c>
      <c r="F51" s="72">
        <v>6.88</v>
      </c>
      <c r="G51" s="73">
        <v>44608</v>
      </c>
      <c r="H51" s="77">
        <v>45291</v>
      </c>
      <c r="I51" s="73">
        <v>46022</v>
      </c>
      <c r="J51" s="73">
        <v>47118</v>
      </c>
      <c r="K51" s="75"/>
      <c r="L51" s="76" t="s">
        <v>200</v>
      </c>
      <c r="M51" s="76" t="s">
        <v>150</v>
      </c>
      <c r="N51" s="76" t="s">
        <v>151</v>
      </c>
    </row>
    <row r="52" spans="1:14" x14ac:dyDescent="0.25">
      <c r="A52" s="71" t="s">
        <v>248</v>
      </c>
      <c r="B52" s="71" t="s">
        <v>249</v>
      </c>
      <c r="C52" s="71" t="s">
        <v>139</v>
      </c>
      <c r="D52" s="71" t="s">
        <v>140</v>
      </c>
      <c r="E52" s="72" t="s">
        <v>141</v>
      </c>
      <c r="F52" s="72">
        <v>6.6</v>
      </c>
      <c r="G52" s="73">
        <v>44525</v>
      </c>
      <c r="H52" s="73">
        <v>45107</v>
      </c>
      <c r="I52" s="73">
        <v>45838</v>
      </c>
      <c r="J52" s="73">
        <v>46934</v>
      </c>
      <c r="K52" s="75"/>
      <c r="L52" s="76" t="s">
        <v>200</v>
      </c>
      <c r="M52" s="76" t="s">
        <v>170</v>
      </c>
      <c r="N52" s="76" t="s">
        <v>218</v>
      </c>
    </row>
    <row r="53" spans="1:14" x14ac:dyDescent="0.25">
      <c r="A53" s="71" t="s">
        <v>250</v>
      </c>
      <c r="B53" s="71" t="s">
        <v>251</v>
      </c>
      <c r="C53" s="71" t="s">
        <v>139</v>
      </c>
      <c r="D53" s="71" t="s">
        <v>140</v>
      </c>
      <c r="E53" s="72" t="s">
        <v>148</v>
      </c>
      <c r="F53" s="72">
        <v>5</v>
      </c>
      <c r="G53" s="73">
        <v>44197</v>
      </c>
      <c r="H53" s="73">
        <v>44926</v>
      </c>
      <c r="I53" s="74">
        <v>45657</v>
      </c>
      <c r="J53" s="73">
        <v>46022</v>
      </c>
      <c r="K53" s="75"/>
      <c r="L53" s="76" t="s">
        <v>142</v>
      </c>
      <c r="M53" s="76" t="s">
        <v>143</v>
      </c>
      <c r="N53" s="76" t="s">
        <v>144</v>
      </c>
    </row>
    <row r="54" spans="1:14" x14ac:dyDescent="0.25">
      <c r="A54" s="71" t="s">
        <v>250</v>
      </c>
      <c r="B54" s="71" t="s">
        <v>251</v>
      </c>
      <c r="C54" s="71" t="s">
        <v>139</v>
      </c>
      <c r="D54" s="71" t="s">
        <v>140</v>
      </c>
      <c r="E54" s="72" t="s">
        <v>148</v>
      </c>
      <c r="F54" s="72">
        <v>5</v>
      </c>
      <c r="G54" s="73">
        <v>44197</v>
      </c>
      <c r="H54" s="73">
        <v>44926</v>
      </c>
      <c r="I54" s="74">
        <v>45657</v>
      </c>
      <c r="J54" s="73">
        <v>46022</v>
      </c>
      <c r="K54" s="75"/>
      <c r="L54" s="76" t="s">
        <v>142</v>
      </c>
      <c r="M54" s="76" t="s">
        <v>143</v>
      </c>
      <c r="N54" s="76" t="s">
        <v>144</v>
      </c>
    </row>
    <row r="55" spans="1:14" x14ac:dyDescent="0.25">
      <c r="A55" s="71" t="s">
        <v>252</v>
      </c>
      <c r="B55" s="71" t="s">
        <v>253</v>
      </c>
      <c r="C55" s="71" t="s">
        <v>139</v>
      </c>
      <c r="D55" s="71" t="s">
        <v>140</v>
      </c>
      <c r="E55" s="72" t="s">
        <v>141</v>
      </c>
      <c r="F55" s="72">
        <v>6.74</v>
      </c>
      <c r="G55" s="73">
        <v>44657</v>
      </c>
      <c r="H55" s="77">
        <v>45291</v>
      </c>
      <c r="I55" s="73">
        <v>46022</v>
      </c>
      <c r="J55" s="73">
        <v>47118</v>
      </c>
      <c r="K55" s="75"/>
      <c r="L55" s="76" t="s">
        <v>200</v>
      </c>
      <c r="M55" s="76" t="s">
        <v>170</v>
      </c>
      <c r="N55" s="76" t="s">
        <v>151</v>
      </c>
    </row>
    <row r="56" spans="1:14" x14ac:dyDescent="0.25">
      <c r="A56" s="71" t="s">
        <v>252</v>
      </c>
      <c r="B56" s="71" t="s">
        <v>253</v>
      </c>
      <c r="C56" s="71" t="s">
        <v>139</v>
      </c>
      <c r="D56" s="71" t="s">
        <v>140</v>
      </c>
      <c r="E56" s="72" t="s">
        <v>141</v>
      </c>
      <c r="F56" s="72">
        <v>6.74</v>
      </c>
      <c r="G56" s="73">
        <v>44657</v>
      </c>
      <c r="H56" s="77">
        <v>45291</v>
      </c>
      <c r="I56" s="73">
        <v>46022</v>
      </c>
      <c r="J56" s="73">
        <v>47118</v>
      </c>
      <c r="K56" s="75"/>
      <c r="L56" s="76" t="s">
        <v>200</v>
      </c>
      <c r="M56" s="76" t="s">
        <v>170</v>
      </c>
      <c r="N56" s="76" t="s">
        <v>151</v>
      </c>
    </row>
    <row r="57" spans="1:14" x14ac:dyDescent="0.25">
      <c r="A57" s="71" t="s">
        <v>254</v>
      </c>
      <c r="B57" s="71" t="s">
        <v>255</v>
      </c>
      <c r="C57" s="71" t="s">
        <v>139</v>
      </c>
      <c r="D57" s="71" t="s">
        <v>140</v>
      </c>
      <c r="E57" s="72" t="s">
        <v>141</v>
      </c>
      <c r="F57" s="72">
        <v>7.35</v>
      </c>
      <c r="G57" s="73">
        <v>44252</v>
      </c>
      <c r="H57" s="80" t="s">
        <v>256</v>
      </c>
      <c r="I57" s="73">
        <v>45839</v>
      </c>
      <c r="J57" s="73">
        <v>46935</v>
      </c>
      <c r="K57" s="75"/>
      <c r="L57" s="76" t="s">
        <v>200</v>
      </c>
      <c r="M57" s="76" t="s">
        <v>233</v>
      </c>
      <c r="N57" s="76" t="s">
        <v>218</v>
      </c>
    </row>
    <row r="58" spans="1:14" x14ac:dyDescent="0.25">
      <c r="A58" s="71" t="s">
        <v>257</v>
      </c>
      <c r="B58" s="71" t="s">
        <v>258</v>
      </c>
      <c r="C58" s="71" t="s">
        <v>139</v>
      </c>
      <c r="D58" s="71" t="s">
        <v>259</v>
      </c>
      <c r="E58" s="81" t="s">
        <v>141</v>
      </c>
      <c r="F58" s="81">
        <v>6.79</v>
      </c>
      <c r="G58" s="82">
        <v>44455</v>
      </c>
      <c r="H58" s="77">
        <v>45108</v>
      </c>
      <c r="I58" s="73">
        <v>45839</v>
      </c>
      <c r="J58" s="73">
        <v>46934</v>
      </c>
      <c r="K58" s="75"/>
      <c r="L58" s="76" t="s">
        <v>200</v>
      </c>
      <c r="M58" s="76" t="s">
        <v>260</v>
      </c>
      <c r="N58" s="76" t="s">
        <v>261</v>
      </c>
    </row>
    <row r="59" spans="1:14" x14ac:dyDescent="0.25">
      <c r="A59" s="71" t="s">
        <v>262</v>
      </c>
      <c r="B59" s="71" t="s">
        <v>263</v>
      </c>
      <c r="C59" s="71" t="s">
        <v>139</v>
      </c>
      <c r="D59" s="71" t="s">
        <v>259</v>
      </c>
      <c r="E59" s="81" t="s">
        <v>141</v>
      </c>
      <c r="F59" s="81">
        <v>6.79</v>
      </c>
      <c r="G59" s="82">
        <v>44455</v>
      </c>
      <c r="H59" s="77">
        <v>45108</v>
      </c>
      <c r="I59" s="73">
        <v>45839</v>
      </c>
      <c r="J59" s="73">
        <v>46934</v>
      </c>
      <c r="K59" s="75"/>
      <c r="L59" s="76" t="s">
        <v>200</v>
      </c>
      <c r="M59" s="76" t="s">
        <v>260</v>
      </c>
      <c r="N59" s="76" t="s">
        <v>261</v>
      </c>
    </row>
    <row r="60" spans="1:14" x14ac:dyDescent="0.25">
      <c r="A60" s="71" t="s">
        <v>264</v>
      </c>
      <c r="B60" s="71" t="s">
        <v>265</v>
      </c>
      <c r="C60" s="71" t="s">
        <v>139</v>
      </c>
      <c r="D60" s="71" t="s">
        <v>259</v>
      </c>
      <c r="E60" s="81" t="s">
        <v>141</v>
      </c>
      <c r="F60" s="81">
        <v>6.79</v>
      </c>
      <c r="G60" s="82">
        <v>44455</v>
      </c>
      <c r="H60" s="77">
        <v>45108</v>
      </c>
      <c r="I60" s="73">
        <v>45839</v>
      </c>
      <c r="J60" s="73">
        <v>46934</v>
      </c>
      <c r="K60" s="75"/>
      <c r="L60" s="76" t="s">
        <v>200</v>
      </c>
      <c r="M60" s="76" t="s">
        <v>260</v>
      </c>
      <c r="N60" s="76" t="s">
        <v>261</v>
      </c>
    </row>
    <row r="61" spans="1:14" x14ac:dyDescent="0.25">
      <c r="A61" s="71" t="s">
        <v>266</v>
      </c>
      <c r="B61" s="71" t="s">
        <v>267</v>
      </c>
      <c r="C61" s="71" t="s">
        <v>139</v>
      </c>
      <c r="D61" s="71" t="s">
        <v>259</v>
      </c>
      <c r="E61" s="81" t="s">
        <v>141</v>
      </c>
      <c r="F61" s="81">
        <v>6.79</v>
      </c>
      <c r="G61" s="82">
        <v>44455</v>
      </c>
      <c r="H61" s="77">
        <v>45108</v>
      </c>
      <c r="I61" s="73">
        <v>45839</v>
      </c>
      <c r="J61" s="73">
        <v>46934</v>
      </c>
      <c r="K61" s="75"/>
      <c r="L61" s="76" t="s">
        <v>200</v>
      </c>
      <c r="M61" s="76" t="s">
        <v>260</v>
      </c>
      <c r="N61" s="76" t="s">
        <v>261</v>
      </c>
    </row>
    <row r="62" spans="1:14" x14ac:dyDescent="0.25">
      <c r="A62" s="71" t="s">
        <v>268</v>
      </c>
      <c r="B62" s="71" t="s">
        <v>269</v>
      </c>
      <c r="C62" s="71" t="s">
        <v>139</v>
      </c>
      <c r="D62" s="71" t="s">
        <v>259</v>
      </c>
      <c r="E62" s="81" t="s">
        <v>141</v>
      </c>
      <c r="F62" s="81">
        <v>6.79</v>
      </c>
      <c r="G62" s="82">
        <v>44455</v>
      </c>
      <c r="H62" s="77">
        <v>45108</v>
      </c>
      <c r="I62" s="73">
        <v>45839</v>
      </c>
      <c r="J62" s="73">
        <v>46934</v>
      </c>
      <c r="K62" s="75"/>
      <c r="L62" s="76" t="s">
        <v>200</v>
      </c>
      <c r="M62" s="76" t="s">
        <v>170</v>
      </c>
      <c r="N62" s="76" t="s">
        <v>270</v>
      </c>
    </row>
    <row r="63" spans="1:14" x14ac:dyDescent="0.25">
      <c r="A63" s="71" t="s">
        <v>271</v>
      </c>
      <c r="B63" s="71" t="s">
        <v>272</v>
      </c>
      <c r="C63" s="71" t="s">
        <v>139</v>
      </c>
      <c r="D63" s="71" t="s">
        <v>259</v>
      </c>
      <c r="E63" s="81" t="s">
        <v>141</v>
      </c>
      <c r="F63" s="81">
        <v>6.91</v>
      </c>
      <c r="G63" s="82">
        <v>44595</v>
      </c>
      <c r="H63" s="74">
        <v>45292</v>
      </c>
      <c r="I63" s="73">
        <v>46023</v>
      </c>
      <c r="J63" s="73">
        <v>47118</v>
      </c>
      <c r="K63" s="75"/>
      <c r="L63" s="76" t="s">
        <v>200</v>
      </c>
      <c r="M63" s="76" t="s">
        <v>273</v>
      </c>
      <c r="N63" s="76" t="s">
        <v>274</v>
      </c>
    </row>
    <row r="64" spans="1:14" x14ac:dyDescent="0.25">
      <c r="A64" s="71" t="s">
        <v>275</v>
      </c>
      <c r="B64" s="71" t="s">
        <v>276</v>
      </c>
      <c r="C64" s="71" t="s">
        <v>139</v>
      </c>
      <c r="D64" s="71" t="s">
        <v>259</v>
      </c>
      <c r="E64" s="81" t="s">
        <v>141</v>
      </c>
      <c r="F64" s="81">
        <v>6.91</v>
      </c>
      <c r="G64" s="82">
        <v>44595</v>
      </c>
      <c r="H64" s="74">
        <v>45292</v>
      </c>
      <c r="I64" s="73">
        <v>46023</v>
      </c>
      <c r="J64" s="73">
        <v>47118</v>
      </c>
      <c r="K64" s="75"/>
      <c r="L64" s="76" t="s">
        <v>200</v>
      </c>
      <c r="M64" s="76" t="s">
        <v>273</v>
      </c>
      <c r="N64" s="76" t="s">
        <v>274</v>
      </c>
    </row>
    <row r="65" spans="1:14" x14ac:dyDescent="0.25">
      <c r="A65" s="71" t="s">
        <v>277</v>
      </c>
      <c r="B65" s="71" t="s">
        <v>278</v>
      </c>
      <c r="C65" s="71" t="s">
        <v>139</v>
      </c>
      <c r="D65" s="71" t="s">
        <v>259</v>
      </c>
      <c r="E65" s="81" t="s">
        <v>141</v>
      </c>
      <c r="F65" s="81">
        <v>6.91</v>
      </c>
      <c r="G65" s="82">
        <v>44595</v>
      </c>
      <c r="H65" s="74">
        <v>45292</v>
      </c>
      <c r="I65" s="73">
        <v>46023</v>
      </c>
      <c r="J65" s="73">
        <v>47118</v>
      </c>
      <c r="K65" s="75"/>
      <c r="L65" s="76" t="s">
        <v>200</v>
      </c>
      <c r="M65" s="76" t="s">
        <v>273</v>
      </c>
      <c r="N65" s="76" t="s">
        <v>274</v>
      </c>
    </row>
    <row r="66" spans="1:14" x14ac:dyDescent="0.25">
      <c r="A66" s="71" t="s">
        <v>279</v>
      </c>
      <c r="B66" s="71" t="s">
        <v>280</v>
      </c>
      <c r="C66" s="71" t="s">
        <v>139</v>
      </c>
      <c r="D66" s="71" t="s">
        <v>259</v>
      </c>
      <c r="E66" s="81" t="s">
        <v>281</v>
      </c>
      <c r="F66" s="81">
        <v>6.56</v>
      </c>
      <c r="G66" s="82">
        <v>44357</v>
      </c>
      <c r="H66" s="77">
        <v>45108</v>
      </c>
      <c r="I66" s="73">
        <v>45839</v>
      </c>
      <c r="J66" s="73">
        <v>46752</v>
      </c>
      <c r="K66" s="75"/>
      <c r="L66" s="76" t="s">
        <v>200</v>
      </c>
      <c r="M66" s="76" t="s">
        <v>170</v>
      </c>
      <c r="N66" s="76" t="s">
        <v>270</v>
      </c>
    </row>
    <row r="67" spans="1:14" x14ac:dyDescent="0.25">
      <c r="A67" s="71" t="s">
        <v>282</v>
      </c>
      <c r="B67" s="71" t="s">
        <v>283</v>
      </c>
      <c r="C67" s="71" t="s">
        <v>139</v>
      </c>
      <c r="D67" s="71" t="s">
        <v>259</v>
      </c>
      <c r="E67" s="81" t="s">
        <v>281</v>
      </c>
      <c r="F67" s="81">
        <v>6.56</v>
      </c>
      <c r="G67" s="82">
        <v>44357</v>
      </c>
      <c r="H67" s="77">
        <v>45108</v>
      </c>
      <c r="I67" s="73">
        <v>45839</v>
      </c>
      <c r="J67" s="73">
        <v>46752</v>
      </c>
      <c r="K67" s="75"/>
      <c r="L67" s="76" t="s">
        <v>200</v>
      </c>
      <c r="M67" s="76" t="s">
        <v>170</v>
      </c>
      <c r="N67" s="76" t="s">
        <v>270</v>
      </c>
    </row>
    <row r="68" spans="1:14" x14ac:dyDescent="0.25">
      <c r="A68" s="71" t="s">
        <v>284</v>
      </c>
      <c r="B68" s="71" t="s">
        <v>285</v>
      </c>
      <c r="C68" s="71" t="s">
        <v>139</v>
      </c>
      <c r="D68" s="71" t="s">
        <v>259</v>
      </c>
      <c r="E68" s="81" t="s">
        <v>141</v>
      </c>
      <c r="F68" s="81">
        <v>6.91</v>
      </c>
      <c r="G68" s="82">
        <v>44595</v>
      </c>
      <c r="H68" s="74">
        <v>45474</v>
      </c>
      <c r="I68" s="73">
        <v>46204</v>
      </c>
      <c r="J68" s="73">
        <v>47118</v>
      </c>
      <c r="K68" s="75"/>
      <c r="L68" s="76" t="s">
        <v>200</v>
      </c>
      <c r="M68" s="76" t="s">
        <v>286</v>
      </c>
      <c r="N68" s="76" t="s">
        <v>287</v>
      </c>
    </row>
    <row r="69" spans="1:14" x14ac:dyDescent="0.25">
      <c r="A69" s="71" t="s">
        <v>288</v>
      </c>
      <c r="B69" s="71" t="s">
        <v>289</v>
      </c>
      <c r="C69" s="71" t="s">
        <v>139</v>
      </c>
      <c r="D69" s="71" t="s">
        <v>259</v>
      </c>
      <c r="E69" s="81" t="s">
        <v>141</v>
      </c>
      <c r="F69" s="81">
        <v>6.91</v>
      </c>
      <c r="G69" s="82">
        <v>44595</v>
      </c>
      <c r="H69" s="74">
        <v>45474</v>
      </c>
      <c r="I69" s="73">
        <v>46204</v>
      </c>
      <c r="J69" s="73">
        <v>47118</v>
      </c>
      <c r="K69" s="75"/>
      <c r="L69" s="76" t="s">
        <v>200</v>
      </c>
      <c r="M69" s="76" t="s">
        <v>286</v>
      </c>
      <c r="N69" s="76" t="s">
        <v>287</v>
      </c>
    </row>
    <row r="70" spans="1:14" x14ac:dyDescent="0.25">
      <c r="A70" s="71" t="s">
        <v>290</v>
      </c>
      <c r="B70" s="71" t="s">
        <v>291</v>
      </c>
      <c r="C70" s="71" t="s">
        <v>139</v>
      </c>
      <c r="D70" s="71" t="s">
        <v>259</v>
      </c>
      <c r="E70" s="81" t="s">
        <v>141</v>
      </c>
      <c r="F70" s="81">
        <v>6.91</v>
      </c>
      <c r="G70" s="82">
        <v>44595</v>
      </c>
      <c r="H70" s="74">
        <v>45474</v>
      </c>
      <c r="I70" s="73">
        <v>46204</v>
      </c>
      <c r="J70" s="73">
        <v>47118</v>
      </c>
      <c r="K70" s="75"/>
      <c r="L70" s="76" t="s">
        <v>200</v>
      </c>
      <c r="M70" s="76" t="s">
        <v>286</v>
      </c>
      <c r="N70" s="76" t="s">
        <v>287</v>
      </c>
    </row>
    <row r="71" spans="1:14" x14ac:dyDescent="0.25">
      <c r="A71" s="71" t="s">
        <v>292</v>
      </c>
      <c r="B71" s="71" t="s">
        <v>293</v>
      </c>
      <c r="C71" s="71" t="s">
        <v>139</v>
      </c>
      <c r="D71" s="71" t="s">
        <v>259</v>
      </c>
      <c r="E71" s="81" t="s">
        <v>141</v>
      </c>
      <c r="F71" s="81">
        <v>6.91</v>
      </c>
      <c r="G71" s="82">
        <v>44595</v>
      </c>
      <c r="H71" s="74">
        <v>45474</v>
      </c>
      <c r="I71" s="73">
        <v>46204</v>
      </c>
      <c r="J71" s="73">
        <v>47118</v>
      </c>
      <c r="K71" s="75"/>
      <c r="L71" s="76" t="s">
        <v>200</v>
      </c>
      <c r="M71" s="76" t="s">
        <v>286</v>
      </c>
      <c r="N71" s="76" t="s">
        <v>287</v>
      </c>
    </row>
    <row r="72" spans="1:14" x14ac:dyDescent="0.25">
      <c r="A72" s="71" t="s">
        <v>294</v>
      </c>
      <c r="B72" s="71" t="s">
        <v>295</v>
      </c>
      <c r="C72" s="71" t="s">
        <v>139</v>
      </c>
      <c r="D72" s="71" t="s">
        <v>259</v>
      </c>
      <c r="E72" s="81" t="s">
        <v>141</v>
      </c>
      <c r="F72" s="81">
        <v>6.91</v>
      </c>
      <c r="G72" s="82">
        <v>44595</v>
      </c>
      <c r="H72" s="74">
        <v>45474</v>
      </c>
      <c r="I72" s="73">
        <v>46204</v>
      </c>
      <c r="J72" s="73">
        <v>47118</v>
      </c>
      <c r="K72" s="75"/>
      <c r="L72" s="76" t="s">
        <v>200</v>
      </c>
      <c r="M72" s="76" t="s">
        <v>286</v>
      </c>
      <c r="N72" s="76" t="s">
        <v>287</v>
      </c>
    </row>
    <row r="73" spans="1:14" x14ac:dyDescent="0.25">
      <c r="A73" s="71" t="s">
        <v>296</v>
      </c>
      <c r="B73" s="71" t="s">
        <v>297</v>
      </c>
      <c r="C73" s="71" t="s">
        <v>139</v>
      </c>
      <c r="D73" s="71" t="s">
        <v>259</v>
      </c>
      <c r="E73" s="81" t="s">
        <v>281</v>
      </c>
      <c r="F73" s="81">
        <v>6.56</v>
      </c>
      <c r="G73" s="82">
        <v>44357</v>
      </c>
      <c r="H73" s="77">
        <v>45108</v>
      </c>
      <c r="I73" s="73">
        <v>45839</v>
      </c>
      <c r="J73" s="73">
        <v>46752</v>
      </c>
      <c r="K73" s="75"/>
      <c r="L73" s="76" t="s">
        <v>200</v>
      </c>
      <c r="M73" s="76" t="s">
        <v>298</v>
      </c>
      <c r="N73" s="76" t="s">
        <v>299</v>
      </c>
    </row>
    <row r="74" spans="1:14" x14ac:dyDescent="0.25">
      <c r="A74" s="71" t="s">
        <v>300</v>
      </c>
      <c r="B74" s="71" t="s">
        <v>301</v>
      </c>
      <c r="C74" s="71" t="s">
        <v>139</v>
      </c>
      <c r="D74" s="71" t="s">
        <v>259</v>
      </c>
      <c r="E74" s="81" t="s">
        <v>281</v>
      </c>
      <c r="F74" s="81">
        <v>6.56</v>
      </c>
      <c r="G74" s="82">
        <v>44357</v>
      </c>
      <c r="H74" s="77">
        <v>45108</v>
      </c>
      <c r="I74" s="73">
        <v>45839</v>
      </c>
      <c r="J74" s="73">
        <v>46752</v>
      </c>
      <c r="K74" s="75"/>
      <c r="L74" s="76" t="s">
        <v>200</v>
      </c>
      <c r="M74" s="76" t="s">
        <v>298</v>
      </c>
      <c r="N74" s="76" t="s">
        <v>299</v>
      </c>
    </row>
    <row r="75" spans="1:14" x14ac:dyDescent="0.25">
      <c r="A75" s="71" t="s">
        <v>300</v>
      </c>
      <c r="B75" s="71" t="s">
        <v>302</v>
      </c>
      <c r="C75" s="71" t="s">
        <v>139</v>
      </c>
      <c r="D75" s="71" t="s">
        <v>259</v>
      </c>
      <c r="E75" s="81" t="s">
        <v>148</v>
      </c>
      <c r="F75" s="81">
        <v>5</v>
      </c>
      <c r="G75" s="82">
        <v>44197</v>
      </c>
      <c r="H75" s="77">
        <v>45108</v>
      </c>
      <c r="I75" s="74">
        <v>45657</v>
      </c>
      <c r="J75" s="73">
        <v>46022</v>
      </c>
      <c r="K75" s="75"/>
      <c r="L75" s="76" t="s">
        <v>200</v>
      </c>
      <c r="M75" s="76" t="s">
        <v>170</v>
      </c>
      <c r="N75" s="76" t="s">
        <v>270</v>
      </c>
    </row>
    <row r="76" spans="1:14" x14ac:dyDescent="0.25">
      <c r="A76" s="71" t="s">
        <v>303</v>
      </c>
      <c r="B76" s="71" t="s">
        <v>304</v>
      </c>
      <c r="C76" s="71" t="s">
        <v>139</v>
      </c>
      <c r="D76" s="71" t="s">
        <v>259</v>
      </c>
      <c r="E76" s="81" t="s">
        <v>141</v>
      </c>
      <c r="F76" s="81">
        <v>6.91</v>
      </c>
      <c r="G76" s="82">
        <v>44595</v>
      </c>
      <c r="H76" s="74">
        <v>45292</v>
      </c>
      <c r="I76" s="73">
        <v>46023</v>
      </c>
      <c r="J76" s="73">
        <v>47118</v>
      </c>
      <c r="K76" s="75"/>
      <c r="L76" s="76" t="s">
        <v>200</v>
      </c>
      <c r="M76" s="76" t="s">
        <v>192</v>
      </c>
      <c r="N76" s="76" t="s">
        <v>305</v>
      </c>
    </row>
    <row r="77" spans="1:14" ht="22.5" x14ac:dyDescent="0.25">
      <c r="A77" s="71" t="s">
        <v>306</v>
      </c>
      <c r="B77" s="71" t="s">
        <v>307</v>
      </c>
      <c r="C77" s="71" t="s">
        <v>139</v>
      </c>
      <c r="D77" s="71" t="s">
        <v>259</v>
      </c>
      <c r="E77" s="81" t="s">
        <v>141</v>
      </c>
      <c r="F77" s="81">
        <v>6.91</v>
      </c>
      <c r="G77" s="82">
        <v>44595</v>
      </c>
      <c r="H77" s="74">
        <v>45292</v>
      </c>
      <c r="I77" s="73">
        <v>46023</v>
      </c>
      <c r="J77" s="73">
        <v>47118</v>
      </c>
      <c r="K77" s="75"/>
      <c r="L77" s="76" t="s">
        <v>200</v>
      </c>
      <c r="M77" s="76" t="s">
        <v>192</v>
      </c>
      <c r="N77" s="76" t="s">
        <v>305</v>
      </c>
    </row>
    <row r="78" spans="1:14" x14ac:dyDescent="0.25">
      <c r="A78" s="71" t="s">
        <v>308</v>
      </c>
      <c r="B78" s="71" t="s">
        <v>309</v>
      </c>
      <c r="C78" s="71" t="s">
        <v>139</v>
      </c>
      <c r="D78" s="71" t="s">
        <v>259</v>
      </c>
      <c r="E78" s="81" t="s">
        <v>281</v>
      </c>
      <c r="F78" s="81" t="e">
        <v>#VALUE!</v>
      </c>
      <c r="G78" s="82">
        <v>44595</v>
      </c>
      <c r="H78" s="74">
        <v>45292</v>
      </c>
      <c r="I78" s="73">
        <v>46023</v>
      </c>
      <c r="J78" s="80" t="s">
        <v>310</v>
      </c>
      <c r="K78" s="75"/>
      <c r="L78" s="76" t="s">
        <v>200</v>
      </c>
      <c r="M78" s="76" t="s">
        <v>192</v>
      </c>
      <c r="N78" s="76" t="s">
        <v>305</v>
      </c>
    </row>
    <row r="79" spans="1:14" x14ac:dyDescent="0.25">
      <c r="A79" s="71" t="s">
        <v>311</v>
      </c>
      <c r="B79" s="71" t="s">
        <v>312</v>
      </c>
      <c r="C79" s="71" t="s">
        <v>139</v>
      </c>
      <c r="D79" s="71" t="s">
        <v>259</v>
      </c>
      <c r="E79" s="81" t="s">
        <v>281</v>
      </c>
      <c r="F79" s="81" t="e">
        <v>#VALUE!</v>
      </c>
      <c r="G79" s="82">
        <v>44595</v>
      </c>
      <c r="H79" s="74">
        <v>45292</v>
      </c>
      <c r="I79" s="73">
        <v>46023</v>
      </c>
      <c r="J79" s="80" t="s">
        <v>310</v>
      </c>
      <c r="K79" s="75"/>
      <c r="L79" s="76" t="s">
        <v>200</v>
      </c>
      <c r="M79" s="76" t="s">
        <v>192</v>
      </c>
      <c r="N79" s="76" t="s">
        <v>305</v>
      </c>
    </row>
    <row r="80" spans="1:14" x14ac:dyDescent="0.25">
      <c r="A80" s="71" t="s">
        <v>313</v>
      </c>
      <c r="B80" s="71" t="s">
        <v>314</v>
      </c>
      <c r="C80" s="71" t="s">
        <v>139</v>
      </c>
      <c r="D80" s="71" t="s">
        <v>259</v>
      </c>
      <c r="E80" s="81" t="s">
        <v>281</v>
      </c>
      <c r="F80" s="81" t="e">
        <v>#VALUE!</v>
      </c>
      <c r="G80" s="82">
        <v>44595</v>
      </c>
      <c r="H80" s="74">
        <v>45292</v>
      </c>
      <c r="I80" s="73">
        <v>46023</v>
      </c>
      <c r="J80" s="80" t="s">
        <v>310</v>
      </c>
      <c r="K80" s="75"/>
      <c r="L80" s="76" t="s">
        <v>200</v>
      </c>
      <c r="M80" s="76" t="s">
        <v>192</v>
      </c>
      <c r="N80" s="76" t="s">
        <v>305</v>
      </c>
    </row>
    <row r="81" spans="1:14" x14ac:dyDescent="0.25">
      <c r="A81" s="71" t="s">
        <v>315</v>
      </c>
      <c r="B81" s="71" t="s">
        <v>316</v>
      </c>
      <c r="C81" s="71" t="s">
        <v>139</v>
      </c>
      <c r="D81" s="71" t="s">
        <v>259</v>
      </c>
      <c r="E81" s="81" t="s">
        <v>281</v>
      </c>
      <c r="F81" s="81" t="e">
        <v>#VALUE!</v>
      </c>
      <c r="G81" s="82">
        <v>44595</v>
      </c>
      <c r="H81" s="74">
        <v>45292</v>
      </c>
      <c r="I81" s="73">
        <v>46023</v>
      </c>
      <c r="J81" s="80" t="s">
        <v>310</v>
      </c>
      <c r="K81" s="75"/>
      <c r="L81" s="76" t="s">
        <v>200</v>
      </c>
      <c r="M81" s="76" t="s">
        <v>192</v>
      </c>
      <c r="N81" s="76" t="s">
        <v>305</v>
      </c>
    </row>
    <row r="82" spans="1:14" x14ac:dyDescent="0.25">
      <c r="A82" s="71" t="s">
        <v>317</v>
      </c>
      <c r="B82" s="71" t="s">
        <v>318</v>
      </c>
      <c r="C82" s="71" t="s">
        <v>139</v>
      </c>
      <c r="D82" s="71" t="s">
        <v>259</v>
      </c>
      <c r="E82" s="81" t="s">
        <v>141</v>
      </c>
      <c r="F82" s="81">
        <v>6.91</v>
      </c>
      <c r="G82" s="82">
        <v>44595</v>
      </c>
      <c r="H82" s="74">
        <v>45292</v>
      </c>
      <c r="I82" s="73">
        <v>46023</v>
      </c>
      <c r="J82" s="73">
        <v>47118</v>
      </c>
      <c r="K82" s="75"/>
      <c r="L82" s="76" t="s">
        <v>200</v>
      </c>
      <c r="M82" s="76" t="s">
        <v>192</v>
      </c>
      <c r="N82" s="76" t="s">
        <v>305</v>
      </c>
    </row>
    <row r="83" spans="1:14" x14ac:dyDescent="0.25">
      <c r="A83" s="71" t="s">
        <v>319</v>
      </c>
      <c r="B83" s="71" t="s">
        <v>320</v>
      </c>
      <c r="C83" s="71" t="s">
        <v>139</v>
      </c>
      <c r="D83" s="71" t="s">
        <v>140</v>
      </c>
      <c r="E83" s="81" t="s">
        <v>141</v>
      </c>
      <c r="F83" s="81">
        <v>6.87</v>
      </c>
      <c r="G83" s="82">
        <v>44609</v>
      </c>
      <c r="H83" s="74">
        <v>45292</v>
      </c>
      <c r="I83" s="73">
        <v>46023</v>
      </c>
      <c r="J83" s="73">
        <v>47118</v>
      </c>
      <c r="K83" s="75"/>
      <c r="L83" s="76" t="s">
        <v>200</v>
      </c>
      <c r="M83" s="76" t="s">
        <v>143</v>
      </c>
      <c r="N83" s="76" t="s">
        <v>144</v>
      </c>
    </row>
    <row r="84" spans="1:14" x14ac:dyDescent="0.25">
      <c r="A84" s="71" t="s">
        <v>321</v>
      </c>
      <c r="B84" s="71" t="s">
        <v>322</v>
      </c>
      <c r="C84" s="71" t="s">
        <v>139</v>
      </c>
      <c r="D84" s="71" t="s">
        <v>140</v>
      </c>
      <c r="E84" s="81" t="s">
        <v>141</v>
      </c>
      <c r="F84" s="81">
        <v>6.93</v>
      </c>
      <c r="G84" s="82">
        <v>44769</v>
      </c>
      <c r="H84" s="74">
        <v>45474</v>
      </c>
      <c r="I84" s="73">
        <v>46204</v>
      </c>
      <c r="J84" s="73">
        <v>47299</v>
      </c>
      <c r="K84" s="75"/>
      <c r="L84" s="76" t="s">
        <v>200</v>
      </c>
      <c r="M84" s="76" t="s">
        <v>143</v>
      </c>
      <c r="N84" s="76" t="s">
        <v>144</v>
      </c>
    </row>
    <row r="85" spans="1:14" x14ac:dyDescent="0.25">
      <c r="A85" s="71" t="s">
        <v>262</v>
      </c>
      <c r="B85" s="71" t="s">
        <v>323</v>
      </c>
      <c r="C85" s="71" t="s">
        <v>139</v>
      </c>
      <c r="D85" s="71" t="s">
        <v>140</v>
      </c>
      <c r="E85" s="81" t="s">
        <v>141</v>
      </c>
      <c r="F85" s="81">
        <v>6.59</v>
      </c>
      <c r="G85" s="82">
        <v>44714</v>
      </c>
      <c r="H85" s="74">
        <v>45474</v>
      </c>
      <c r="I85" s="73">
        <v>46204</v>
      </c>
      <c r="J85" s="73">
        <v>47118</v>
      </c>
      <c r="K85" s="75"/>
      <c r="L85" s="76" t="s">
        <v>200</v>
      </c>
      <c r="M85" s="76" t="s">
        <v>143</v>
      </c>
      <c r="N85" s="76" t="s">
        <v>144</v>
      </c>
    </row>
    <row r="86" spans="1:14" x14ac:dyDescent="0.25">
      <c r="A86" s="71" t="s">
        <v>324</v>
      </c>
      <c r="B86" s="71" t="s">
        <v>325</v>
      </c>
      <c r="C86" s="71" t="s">
        <v>139</v>
      </c>
      <c r="D86" s="71" t="s">
        <v>140</v>
      </c>
      <c r="E86" s="81" t="s">
        <v>141</v>
      </c>
      <c r="F86" s="81">
        <v>6.59</v>
      </c>
      <c r="G86" s="82">
        <v>44714</v>
      </c>
      <c r="H86" s="74">
        <v>45474</v>
      </c>
      <c r="I86" s="73">
        <v>46204</v>
      </c>
      <c r="J86" s="73">
        <v>47118</v>
      </c>
      <c r="K86" s="75"/>
      <c r="L86" s="76" t="s">
        <v>200</v>
      </c>
      <c r="M86" s="76" t="s">
        <v>143</v>
      </c>
      <c r="N86" s="76" t="s">
        <v>144</v>
      </c>
    </row>
    <row r="87" spans="1:14" x14ac:dyDescent="0.25">
      <c r="A87" s="71" t="s">
        <v>324</v>
      </c>
      <c r="B87" s="71" t="s">
        <v>326</v>
      </c>
      <c r="C87" s="71" t="s">
        <v>139</v>
      </c>
      <c r="D87" s="71" t="s">
        <v>259</v>
      </c>
      <c r="E87" s="81" t="s">
        <v>327</v>
      </c>
      <c r="F87" s="81">
        <v>1.58</v>
      </c>
      <c r="G87" s="82">
        <v>44713</v>
      </c>
      <c r="H87" s="80" t="s">
        <v>328</v>
      </c>
      <c r="I87" s="80" t="s">
        <v>328</v>
      </c>
      <c r="J87" s="77">
        <v>45291</v>
      </c>
      <c r="K87" s="75" t="s">
        <v>329</v>
      </c>
      <c r="L87" s="76" t="s">
        <v>330</v>
      </c>
      <c r="M87" s="76"/>
      <c r="N87" s="76"/>
    </row>
  </sheetData>
  <autoFilter ref="A1:N87" xr:uid="{A34A8499-ED71-4131-BDD0-CB3E98F98466}"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CourseType xmlns="845ce553-4c37-43bb-9a48-28ce5dac6a7e" xsi:nil="true"/>
    <TaxCatchAll xmlns="a58fa3d2-b623-4a18-81cc-bbef2832646c" xsi:nil="true"/>
    <Academic_x0020_Board_x0020_meeting xmlns="845ce553-4c37-43bb-9a48-28ce5dac6a7e" xsi:nil="true"/>
    <Status xmlns="845ce553-4c37-43bb-9a48-28ce5dac6a7e" xsi:nil="true"/>
    <lcf76f155ced4ddcb4097134ff3c332f xmlns="845ce553-4c37-43bb-9a48-28ce5dac6a7e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EC9944E5CEFBD4C84DFB3FE4C69BDC0" ma:contentTypeVersion="20" ma:contentTypeDescription="Create a new document." ma:contentTypeScope="" ma:versionID="3bdb5797a53e375793fb6ab439655dae">
  <xsd:schema xmlns:xsd="http://www.w3.org/2001/XMLSchema" xmlns:xs="http://www.w3.org/2001/XMLSchema" xmlns:p="http://schemas.microsoft.com/office/2006/metadata/properties" xmlns:ns2="845ce553-4c37-43bb-9a48-28ce5dac6a7e" xmlns:ns3="a58fa3d2-b623-4a18-81cc-bbef2832646c" targetNamespace="http://schemas.microsoft.com/office/2006/metadata/properties" ma:root="true" ma:fieldsID="0da9ffda7c1532b6304138937453b45c" ns2:_="" ns3:_="">
    <xsd:import namespace="845ce553-4c37-43bb-9a48-28ce5dac6a7e"/>
    <xsd:import namespace="a58fa3d2-b623-4a18-81cc-bbef2832646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AutoKeyPoints" minOccurs="0"/>
                <xsd:element ref="ns2:MediaServiceKeyPoints" minOccurs="0"/>
                <xsd:element ref="ns2:Academic_x0020_Board_x0020_meeting" minOccurs="0"/>
                <xsd:element ref="ns2:Status" minOccurs="0"/>
                <xsd:element ref="ns2:CourseType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45ce553-4c37-43bb-9a48-28ce5dac6a7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Academic_x0020_Board_x0020_meeting" ma:index="16" nillable="true" ma:displayName="Accreditation AB Date" ma:format="Dropdown" ma:internalName="Academic_x0020_Board_x0020_meeting">
      <xsd:simpleType>
        <xsd:restriction base="dms:Text">
          <xsd:maxLength value="255"/>
        </xsd:restriction>
      </xsd:simpleType>
    </xsd:element>
    <xsd:element name="Status" ma:index="17" nillable="true" ma:displayName="Status" ma:description="Select the process is the course going through or select Completed if AB approval has been provided." ma:format="Dropdown" ma:internalName="Status">
      <xsd:simpleType>
        <xsd:restriction base="dms:Choice">
          <xsd:enumeration value="In progress"/>
          <xsd:enumeration value="On hold"/>
          <xsd:enumeration value="Parked"/>
          <xsd:enumeration value="Pre concept"/>
          <xsd:enumeration value="Completed"/>
        </xsd:restriction>
      </xsd:simpleType>
    </xsd:element>
    <xsd:element name="CourseType" ma:index="18" nillable="true" ma:displayName="Course Type" ma:description="Select the type of course development process" ma:format="Dropdown" ma:internalName="CourseType">
      <xsd:simpleType>
        <xsd:restriction base="dms:Choice">
          <xsd:enumeration value="New"/>
          <xsd:enumeration value="Revision"/>
          <xsd:enumeration value="Comprehensive review"/>
          <xsd:enumeration value="CR of Course in Teachout"/>
          <xsd:enumeration value="IMCR"/>
          <xsd:enumeration value="IMCR in Teach Out"/>
          <xsd:enumeration value="Accreditation extension"/>
          <xsd:enumeration value="To be closed - Reaccreditation"/>
          <xsd:enumeration value="To be closed - Accred Extension"/>
          <xsd:enumeration value="Curriculum Reviewed"/>
        </xsd:restriction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1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22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4" nillable="true" ma:taxonomy="true" ma:internalName="lcf76f155ced4ddcb4097134ff3c332f" ma:taxonomyFieldName="MediaServiceImageTags" ma:displayName="Image Tags" ma:readOnly="false" ma:fieldId="{5cf76f15-5ced-4ddc-b409-7134ff3c332f}" ma:taxonomyMulti="true" ma:sspId="8cf5ef57-529e-46be-8634-0635eb7431ad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6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58fa3d2-b623-4a18-81cc-bbef2832646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5" nillable="true" ma:displayName="Taxonomy Catch All Column" ma:hidden="true" ma:list="{3e75e10f-e6c2-4038-bfc0-364c2c2781a5}" ma:internalName="TaxCatchAll" ma:showField="CatchAllData" ma:web="a58fa3d2-b623-4a18-81cc-bbef2832646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98ACECE-112F-40CE-B708-09DEA64AC414}">
  <ds:schemaRefs>
    <ds:schemaRef ds:uri="http://schemas.microsoft.com/office/2006/metadata/properties"/>
    <ds:schemaRef ds:uri="http://schemas.microsoft.com/office/infopath/2007/PartnerControls"/>
    <ds:schemaRef ds:uri="845ce553-4c37-43bb-9a48-28ce5dac6a7e"/>
    <ds:schemaRef ds:uri="a58fa3d2-b623-4a18-81cc-bbef2832646c"/>
  </ds:schemaRefs>
</ds:datastoreItem>
</file>

<file path=customXml/itemProps2.xml><?xml version="1.0" encoding="utf-8"?>
<ds:datastoreItem xmlns:ds="http://schemas.openxmlformats.org/officeDocument/2006/customXml" ds:itemID="{3B6ADFCA-C2FD-440C-9CB9-247E4F95DF6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CEF8F3D-C57A-4EA1-B2E7-8B786FB3F9B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45ce553-4c37-43bb-9a48-28ce5dac6a7e"/>
    <ds:schemaRef ds:uri="a58fa3d2-b623-4a18-81cc-bbef2832646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FB Annual workplan</vt:lpstr>
      <vt:lpstr>Crse Accreditation Report (FAD)</vt:lpstr>
      <vt:lpstr>'FB Annual workplan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dre</dc:creator>
  <cp:keywords/>
  <dc:description/>
  <cp:lastModifiedBy>Morgan.Andrew</cp:lastModifiedBy>
  <cp:revision/>
  <dcterms:created xsi:type="dcterms:W3CDTF">2022-11-24T00:36:38Z</dcterms:created>
  <dcterms:modified xsi:type="dcterms:W3CDTF">2023-09-11T01:08:3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f6fef03-d487-4433-8e43-6b81c0a1b7be_Enabled">
    <vt:lpwstr>true</vt:lpwstr>
  </property>
  <property fmtid="{D5CDD505-2E9C-101B-9397-08002B2CF9AE}" pid="3" name="MSIP_Label_bf6fef03-d487-4433-8e43-6b81c0a1b7be_SetDate">
    <vt:lpwstr>2022-11-24T00:36:49Z</vt:lpwstr>
  </property>
  <property fmtid="{D5CDD505-2E9C-101B-9397-08002B2CF9AE}" pid="4" name="MSIP_Label_bf6fef03-d487-4433-8e43-6b81c0a1b7be_Method">
    <vt:lpwstr>Standard</vt:lpwstr>
  </property>
  <property fmtid="{D5CDD505-2E9C-101B-9397-08002B2CF9AE}" pid="5" name="MSIP_Label_bf6fef03-d487-4433-8e43-6b81c0a1b7be_Name">
    <vt:lpwstr>Unclassified</vt:lpwstr>
  </property>
  <property fmtid="{D5CDD505-2E9C-101B-9397-08002B2CF9AE}" pid="6" name="MSIP_Label_bf6fef03-d487-4433-8e43-6b81c0a1b7be_SiteId">
    <vt:lpwstr>1daf5147-a543-4707-a2fb-2acf0b2a3936</vt:lpwstr>
  </property>
  <property fmtid="{D5CDD505-2E9C-101B-9397-08002B2CF9AE}" pid="7" name="MSIP_Label_bf6fef03-d487-4433-8e43-6b81c0a1b7be_ActionId">
    <vt:lpwstr>0f8fe1f8-3c6d-45fb-9c26-4843949563e1</vt:lpwstr>
  </property>
  <property fmtid="{D5CDD505-2E9C-101B-9397-08002B2CF9AE}" pid="8" name="MSIP_Label_bf6fef03-d487-4433-8e43-6b81c0a1b7be_ContentBits">
    <vt:lpwstr>0</vt:lpwstr>
  </property>
  <property fmtid="{D5CDD505-2E9C-101B-9397-08002B2CF9AE}" pid="9" name="ContentTypeId">
    <vt:lpwstr>0x010100BEC9944E5CEFBD4C84DFB3FE4C69BDC0</vt:lpwstr>
  </property>
  <property fmtid="{D5CDD505-2E9C-101B-9397-08002B2CF9AE}" pid="10" name="MediaServiceImageTags">
    <vt:lpwstr/>
  </property>
</Properties>
</file>